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0851\Documents\放送部\6月_NHK杯\68NHK\"/>
    </mc:Choice>
  </mc:AlternateContent>
  <bookViews>
    <workbookView xWindow="0" yWindow="0" windowWidth="20490" windowHeight="7530"/>
  </bookViews>
  <sheets>
    <sheet name="検温記録（予選）" sheetId="5" r:id="rId1"/>
    <sheet name="検温記録 (県大会)" sheetId="7" r:id="rId2"/>
    <sheet name="data" sheetId="6" state="hidden" r:id="rId3"/>
  </sheets>
  <definedNames>
    <definedName name="_xlnm.Print_Area" localSheetId="1">'検温記録 (県大会)'!$A$1:$AE$22</definedName>
    <definedName name="_xlnm.Print_Area" localSheetId="0">'検温記録（予選）'!$A$1:$AE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4" i="7" l="1"/>
  <c r="W13" i="7" s="1"/>
  <c r="V3" i="7"/>
  <c r="C13" i="7" l="1"/>
  <c r="K13" i="7"/>
  <c r="S13" i="7"/>
  <c r="G13" i="7"/>
  <c r="O13" i="7"/>
  <c r="V3" i="5" l="1"/>
  <c r="F4" i="5"/>
  <c r="G13" i="5" s="1"/>
  <c r="C13" i="5" l="1"/>
  <c r="S13" i="5"/>
  <c r="K13" i="5"/>
  <c r="W13" i="5"/>
  <c r="O13" i="5"/>
</calcChain>
</file>

<file path=xl/sharedStrings.xml><?xml version="1.0" encoding="utf-8"?>
<sst xmlns="http://schemas.openxmlformats.org/spreadsheetml/2006/main" count="289" uniqueCount="253">
  <si>
    <t>学校名</t>
    <rPh sb="0" eb="3">
      <t>ガッコウメイ</t>
    </rPh>
    <phoneticPr fontId="1"/>
  </si>
  <si>
    <t>年</t>
    <rPh sb="0" eb="1">
      <t>ネン</t>
    </rPh>
    <phoneticPr fontId="1"/>
  </si>
  <si>
    <t>名前</t>
    <rPh sb="0" eb="2">
      <t>ナマエ</t>
    </rPh>
    <phoneticPr fontId="1"/>
  </si>
  <si>
    <t>ふりがな</t>
    <phoneticPr fontId="1"/>
  </si>
  <si>
    <t>学年</t>
    <rPh sb="0" eb="2">
      <t>ガクネン</t>
    </rPh>
    <phoneticPr fontId="1"/>
  </si>
  <si>
    <t>行事参加のための検温記録報告（直前一週間）</t>
    <rPh sb="0" eb="2">
      <t>ギョウジ</t>
    </rPh>
    <rPh sb="2" eb="4">
      <t>サンカ</t>
    </rPh>
    <rPh sb="8" eb="10">
      <t>ケンオン</t>
    </rPh>
    <rPh sb="10" eb="12">
      <t>キロク</t>
    </rPh>
    <rPh sb="12" eb="14">
      <t>ホウコク</t>
    </rPh>
    <rPh sb="15" eb="17">
      <t>チョクゼン</t>
    </rPh>
    <rPh sb="17" eb="20">
      <t>イッシュウカン</t>
    </rPh>
    <phoneticPr fontId="1"/>
  </si>
  <si>
    <t>◆この用紙は参加者１名につき１枚作成し、受付時に提出してください。</t>
    <rPh sb="3" eb="5">
      <t>ヨウシ</t>
    </rPh>
    <rPh sb="6" eb="9">
      <t>サンカシャ</t>
    </rPh>
    <rPh sb="10" eb="11">
      <t>メイ</t>
    </rPh>
    <rPh sb="15" eb="16">
      <t>マイ</t>
    </rPh>
    <rPh sb="16" eb="18">
      <t>サクセイ</t>
    </rPh>
    <rPh sb="20" eb="22">
      <t>ウケツケ</t>
    </rPh>
    <rPh sb="22" eb="23">
      <t>トキ</t>
    </rPh>
    <rPh sb="24" eb="26">
      <t>テイシュツ</t>
    </rPh>
    <phoneticPr fontId="1"/>
  </si>
  <si>
    <t>度</t>
    <rPh sb="0" eb="1">
      <t>ド</t>
    </rPh>
    <phoneticPr fontId="1"/>
  </si>
  <si>
    <t>学校番号</t>
    <rPh sb="0" eb="2">
      <t>ガッコウ</t>
    </rPh>
    <rPh sb="2" eb="4">
      <t>バンゴウ</t>
    </rPh>
    <phoneticPr fontId="1"/>
  </si>
  <si>
    <t>参加行事</t>
    <rPh sb="0" eb="2">
      <t>サンカ</t>
    </rPh>
    <rPh sb="2" eb="4">
      <t>ギョウジ</t>
    </rPh>
    <phoneticPr fontId="1"/>
  </si>
  <si>
    <t>実施日</t>
    <rPh sb="0" eb="3">
      <t>ジッシビ</t>
    </rPh>
    <phoneticPr fontId="1"/>
  </si>
  <si>
    <t>参加</t>
    <rPh sb="0" eb="2">
      <t>サンカ</t>
    </rPh>
    <phoneticPr fontId="1"/>
  </si>
  <si>
    <t>予定者</t>
    <phoneticPr fontId="1"/>
  </si>
  <si>
    <t>検</t>
    <rPh sb="0" eb="1">
      <t>ケン</t>
    </rPh>
    <phoneticPr fontId="1"/>
  </si>
  <si>
    <t>温</t>
    <phoneticPr fontId="1"/>
  </si>
  <si>
    <t>記</t>
    <phoneticPr fontId="1"/>
  </si>
  <si>
    <t>録</t>
    <phoneticPr fontId="1"/>
  </si>
  <si>
    <t>高等学校</t>
  </si>
  <si>
    <t>参加当日</t>
    <phoneticPr fontId="1"/>
  </si>
  <si>
    <t>NHK杯全国高校放送コンテスト</t>
    <rPh sb="3" eb="4">
      <t>ハイ</t>
    </rPh>
    <rPh sb="4" eb="6">
      <t>ゼンコク</t>
    </rPh>
    <rPh sb="6" eb="8">
      <t>コウコウ</t>
    </rPh>
    <rPh sb="8" eb="10">
      <t>ホウソウ</t>
    </rPh>
    <phoneticPr fontId="1"/>
  </si>
  <si>
    <t>予選</t>
    <rPh sb="0" eb="2">
      <t>ヨセン</t>
    </rPh>
    <phoneticPr fontId="1"/>
  </si>
  <si>
    <t>県大会</t>
    <rPh sb="0" eb="1">
      <t>ケン</t>
    </rPh>
    <rPh sb="1" eb="3">
      <t>タイカイ</t>
    </rPh>
    <phoneticPr fontId="1"/>
  </si>
  <si>
    <t>error</t>
    <phoneticPr fontId="1"/>
  </si>
  <si>
    <t>尼崎小田</t>
  </si>
  <si>
    <t>尼崎稲園</t>
  </si>
  <si>
    <t>尼崎</t>
  </si>
  <si>
    <t>尼崎北</t>
  </si>
  <si>
    <t>尼崎西</t>
  </si>
  <si>
    <t>伊丹</t>
  </si>
  <si>
    <t>伊丹北</t>
  </si>
  <si>
    <t>伊丹西</t>
  </si>
  <si>
    <t>川西緑台</t>
  </si>
  <si>
    <t>川西明峰</t>
  </si>
  <si>
    <t>川西北陵</t>
  </si>
  <si>
    <t>猪名川</t>
  </si>
  <si>
    <t>西宮</t>
  </si>
  <si>
    <t>鳴尾</t>
  </si>
  <si>
    <t>西宮北</t>
  </si>
  <si>
    <t>西宮甲山</t>
  </si>
  <si>
    <t>西宮南</t>
  </si>
  <si>
    <t>宝塚</t>
  </si>
  <si>
    <t>宝塚東</t>
  </si>
  <si>
    <t>宝塚北</t>
  </si>
  <si>
    <t>宝塚西</t>
  </si>
  <si>
    <t>芦屋</t>
  </si>
  <si>
    <t>北摂三田</t>
  </si>
  <si>
    <t>三田西陵</t>
  </si>
  <si>
    <t>三田祥雲館</t>
  </si>
  <si>
    <t>柏原</t>
  </si>
  <si>
    <t>氷上西</t>
  </si>
  <si>
    <t>篠山鳳鳴</t>
  </si>
  <si>
    <t>有馬</t>
  </si>
  <si>
    <t>有馬・定</t>
  </si>
  <si>
    <t>氷上</t>
  </si>
  <si>
    <t>尼崎工業</t>
  </si>
  <si>
    <t>篠山産業</t>
  </si>
  <si>
    <t>神崎工業</t>
  </si>
  <si>
    <t>市立尼崎</t>
  </si>
  <si>
    <t>市立西宮東</t>
  </si>
  <si>
    <t>市立伊丹</t>
  </si>
  <si>
    <t>県立阪神昆陽</t>
    <rPh sb="0" eb="2">
      <t>ケンリツ</t>
    </rPh>
    <phoneticPr fontId="2"/>
  </si>
  <si>
    <t>篠山東雲</t>
    <rPh sb="0" eb="2">
      <t>ササヤマ</t>
    </rPh>
    <phoneticPr fontId="5"/>
  </si>
  <si>
    <t>市立尼崎双星</t>
    <rPh sb="0" eb="2">
      <t>シリツ</t>
    </rPh>
    <rPh sb="2" eb="4">
      <t>アマガサキ</t>
    </rPh>
    <rPh sb="4" eb="5">
      <t>ソウ</t>
    </rPh>
    <rPh sb="5" eb="6">
      <t>セイ</t>
    </rPh>
    <phoneticPr fontId="2"/>
  </si>
  <si>
    <t>市立琴ノ浦</t>
    <rPh sb="0" eb="2">
      <t>イチリツ</t>
    </rPh>
    <rPh sb="2" eb="3">
      <t>コト</t>
    </rPh>
    <rPh sb="4" eb="5">
      <t>ウラ</t>
    </rPh>
    <phoneticPr fontId="2"/>
  </si>
  <si>
    <t>雲雀丘学園</t>
  </si>
  <si>
    <t>小林聖心</t>
  </si>
  <si>
    <t>園田学園</t>
  </si>
  <si>
    <t>百合学院</t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2"/>
  </si>
  <si>
    <t>三田学園</t>
  </si>
  <si>
    <t>仁川学院</t>
  </si>
  <si>
    <t>芦屋学園</t>
    <rPh sb="2" eb="4">
      <t>ガクエン</t>
    </rPh>
    <phoneticPr fontId="2"/>
  </si>
  <si>
    <t>関西学院</t>
  </si>
  <si>
    <t>報徳学園</t>
  </si>
  <si>
    <t>甲陽学院</t>
  </si>
  <si>
    <t>甲南</t>
  </si>
  <si>
    <t>神戸女学院</t>
  </si>
  <si>
    <t>武庫川女子大学附属</t>
    <rPh sb="3" eb="5">
      <t>ジョシ</t>
    </rPh>
    <rPh sb="5" eb="7">
      <t>ダイガク</t>
    </rPh>
    <phoneticPr fontId="2"/>
  </si>
  <si>
    <t>甲子園学院</t>
  </si>
  <si>
    <t>１地区その他の学校</t>
    <rPh sb="1" eb="3">
      <t>チク</t>
    </rPh>
    <phoneticPr fontId="2"/>
  </si>
  <si>
    <t>東灘</t>
  </si>
  <si>
    <t>御影</t>
  </si>
  <si>
    <t>神戸</t>
  </si>
  <si>
    <t>夢野台</t>
  </si>
  <si>
    <t>兵庫</t>
  </si>
  <si>
    <t>神戸北</t>
  </si>
  <si>
    <t>神戸甲北</t>
  </si>
  <si>
    <t>長田</t>
  </si>
  <si>
    <t>須磨東</t>
  </si>
  <si>
    <t>北須磨</t>
  </si>
  <si>
    <t>須磨友が丘</t>
  </si>
  <si>
    <t>星陵</t>
  </si>
  <si>
    <t>舞子</t>
  </si>
  <si>
    <t>伊川谷北</t>
  </si>
  <si>
    <t>伊川谷</t>
  </si>
  <si>
    <t>神戸高塚</t>
  </si>
  <si>
    <t>兵庫工業</t>
  </si>
  <si>
    <t>神戸商業</t>
  </si>
  <si>
    <t>湊川</t>
  </si>
  <si>
    <t>定・神戸工業</t>
    <rPh sb="0" eb="1">
      <t>テイ</t>
    </rPh>
    <phoneticPr fontId="2"/>
  </si>
  <si>
    <t>長田商業</t>
  </si>
  <si>
    <t>青雲</t>
  </si>
  <si>
    <t>市立六甲ｱｲﾗﾝﾄﾞ</t>
    <rPh sb="0" eb="2">
      <t>シリツ</t>
    </rPh>
    <phoneticPr fontId="9"/>
  </si>
  <si>
    <t>市立葺合</t>
    <rPh sb="0" eb="2">
      <t>シリツ</t>
    </rPh>
    <phoneticPr fontId="2"/>
  </si>
  <si>
    <t>市立摩耶兵庫</t>
    <rPh sb="0" eb="2">
      <t>シリツ</t>
    </rPh>
    <phoneticPr fontId="9"/>
  </si>
  <si>
    <t>市立神戸工科</t>
    <rPh sb="0" eb="2">
      <t>シリツ</t>
    </rPh>
    <rPh sb="5" eb="6">
      <t>カ</t>
    </rPh>
    <phoneticPr fontId="2"/>
  </si>
  <si>
    <t>市立楠</t>
    <rPh sb="0" eb="2">
      <t>シリツ</t>
    </rPh>
    <phoneticPr fontId="2"/>
  </si>
  <si>
    <t>県立視覚特別支援</t>
    <rPh sb="0" eb="2">
      <t>ケンリツ</t>
    </rPh>
    <phoneticPr fontId="2"/>
  </si>
  <si>
    <t>市立須磨翔風</t>
    <rPh sb="0" eb="2">
      <t>シリツ</t>
    </rPh>
    <phoneticPr fontId="2"/>
  </si>
  <si>
    <t>市立神港橘</t>
    <rPh sb="0" eb="2">
      <t>イチリツ</t>
    </rPh>
    <rPh sb="3" eb="4">
      <t>ミナト</t>
    </rPh>
    <phoneticPr fontId="2"/>
  </si>
  <si>
    <t>市立友生支援</t>
    <rPh sb="0" eb="2">
      <t>イチリツ</t>
    </rPh>
    <rPh sb="2" eb="3">
      <t>トモ</t>
    </rPh>
    <rPh sb="3" eb="4">
      <t>イ</t>
    </rPh>
    <rPh sb="4" eb="6">
      <t>シエン</t>
    </rPh>
    <phoneticPr fontId="2"/>
  </si>
  <si>
    <t>市立盲学校</t>
    <rPh sb="0" eb="2">
      <t>イチリツ</t>
    </rPh>
    <rPh sb="2" eb="3">
      <t>モウ</t>
    </rPh>
    <rPh sb="3" eb="5">
      <t>ガッコウ</t>
    </rPh>
    <phoneticPr fontId="2"/>
  </si>
  <si>
    <t>市立青陽須磨支援</t>
    <rPh sb="0" eb="2">
      <t>イチリツ</t>
    </rPh>
    <rPh sb="2" eb="3">
      <t>アオ</t>
    </rPh>
    <rPh sb="3" eb="4">
      <t>ヨウ</t>
    </rPh>
    <rPh sb="4" eb="6">
      <t>スマ</t>
    </rPh>
    <rPh sb="6" eb="8">
      <t>シエン</t>
    </rPh>
    <phoneticPr fontId="2"/>
  </si>
  <si>
    <t>市立いぶき明生支援</t>
    <rPh sb="0" eb="2">
      <t>イチリツ</t>
    </rPh>
    <rPh sb="5" eb="7">
      <t>メイセイ</t>
    </rPh>
    <rPh sb="7" eb="9">
      <t>シエン</t>
    </rPh>
    <phoneticPr fontId="2"/>
  </si>
  <si>
    <t>神戸第一</t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2"/>
  </si>
  <si>
    <t>灘</t>
  </si>
  <si>
    <t>六甲</t>
  </si>
  <si>
    <t>神港学園</t>
  </si>
  <si>
    <t>甲南女子</t>
  </si>
  <si>
    <t>親和女子</t>
  </si>
  <si>
    <t>神戸海星</t>
  </si>
  <si>
    <t>松蔭</t>
  </si>
  <si>
    <t>神戸龍谷</t>
    <rPh sb="0" eb="2">
      <t>コウベ</t>
    </rPh>
    <rPh sb="2" eb="4">
      <t>リュウコク</t>
    </rPh>
    <phoneticPr fontId="2"/>
  </si>
  <si>
    <t>神戸山手女子</t>
    <rPh sb="4" eb="6">
      <t>ジョシ</t>
    </rPh>
    <phoneticPr fontId="2"/>
  </si>
  <si>
    <t>神戸常盤</t>
    <rPh sb="2" eb="4">
      <t>トキワ</t>
    </rPh>
    <phoneticPr fontId="2"/>
  </si>
  <si>
    <t>神戸野田</t>
  </si>
  <si>
    <t>須磨学園</t>
  </si>
  <si>
    <t>神戸星城</t>
  </si>
  <si>
    <t>滝川第二</t>
  </si>
  <si>
    <t>神戸村野工業</t>
  </si>
  <si>
    <t>育英</t>
  </si>
  <si>
    <t>滝川</t>
  </si>
  <si>
    <t>神戸国際大学附属</t>
    <rPh sb="5" eb="6">
      <t>ガク</t>
    </rPh>
    <rPh sb="7" eb="8">
      <t>ゾク</t>
    </rPh>
    <phoneticPr fontId="2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2"/>
  </si>
  <si>
    <t>愛徳学園</t>
  </si>
  <si>
    <t>夙川</t>
    <rPh sb="0" eb="2">
      <t>シュクガワ</t>
    </rPh>
    <phoneticPr fontId="9"/>
  </si>
  <si>
    <t>２地区その他の学校</t>
    <rPh sb="1" eb="3">
      <t>チク</t>
    </rPh>
    <phoneticPr fontId="2"/>
  </si>
  <si>
    <t>明石</t>
  </si>
  <si>
    <t>明石南</t>
  </si>
  <si>
    <t>明石北</t>
  </si>
  <si>
    <t>明石城西</t>
  </si>
  <si>
    <t>明石清水</t>
  </si>
  <si>
    <t>明石西</t>
  </si>
  <si>
    <t>加古川北</t>
  </si>
  <si>
    <t>加古川東</t>
  </si>
  <si>
    <t>加古川西</t>
  </si>
  <si>
    <t>加古川南</t>
  </si>
  <si>
    <t>高砂</t>
  </si>
  <si>
    <t>高砂南</t>
  </si>
  <si>
    <t>松陽</t>
  </si>
  <si>
    <t>松陽・定</t>
  </si>
  <si>
    <t>東播磨</t>
  </si>
  <si>
    <t>播磨南</t>
  </si>
  <si>
    <t>西脇</t>
  </si>
  <si>
    <t>三木東</t>
  </si>
  <si>
    <t>三木</t>
  </si>
  <si>
    <t>三木北</t>
  </si>
  <si>
    <t>小野</t>
  </si>
  <si>
    <t>吉川</t>
  </si>
  <si>
    <t>社</t>
  </si>
  <si>
    <t>多可</t>
  </si>
  <si>
    <t>北条</t>
  </si>
  <si>
    <t>北条・定</t>
  </si>
  <si>
    <t>洲本</t>
  </si>
  <si>
    <t>津名</t>
  </si>
  <si>
    <t>淡路三原</t>
    <rPh sb="0" eb="2">
      <t>アワジ</t>
    </rPh>
    <rPh sb="2" eb="4">
      <t>ミハラ</t>
    </rPh>
    <phoneticPr fontId="2"/>
  </si>
  <si>
    <t>農業</t>
  </si>
  <si>
    <t>農業・定</t>
  </si>
  <si>
    <t>播磨農業</t>
  </si>
  <si>
    <t>淡路</t>
  </si>
  <si>
    <t>東播工業</t>
  </si>
  <si>
    <t>西脇工業</t>
  </si>
  <si>
    <t>小野工業</t>
  </si>
  <si>
    <t>洲本実業</t>
  </si>
  <si>
    <t>錦城</t>
  </si>
  <si>
    <t>西脇北</t>
  </si>
  <si>
    <t>市立明石商業</t>
  </si>
  <si>
    <t>白陵</t>
  </si>
  <si>
    <t>蒼開</t>
    <rPh sb="0" eb="1">
      <t>ソウ</t>
    </rPh>
    <rPh sb="1" eb="2">
      <t>カイ</t>
    </rPh>
    <phoneticPr fontId="2"/>
  </si>
  <si>
    <t>３地区その他の学校</t>
    <rPh sb="1" eb="3">
      <t>チク</t>
    </rPh>
    <phoneticPr fontId="2"/>
  </si>
  <si>
    <t>姫路別所</t>
  </si>
  <si>
    <t>姫路東</t>
  </si>
  <si>
    <t>姫路西</t>
  </si>
  <si>
    <t>姫路飾西</t>
  </si>
  <si>
    <t>姫路南</t>
  </si>
  <si>
    <t>網干</t>
  </si>
  <si>
    <t>網干・通</t>
  </si>
  <si>
    <t>家島</t>
  </si>
  <si>
    <t>相生</t>
  </si>
  <si>
    <t>龍野</t>
  </si>
  <si>
    <t>太子</t>
  </si>
  <si>
    <t>赤穂</t>
  </si>
  <si>
    <t>赤穂・定</t>
  </si>
  <si>
    <t>福崎</t>
  </si>
  <si>
    <t>香寺</t>
  </si>
  <si>
    <t>神崎</t>
  </si>
  <si>
    <t>夢前</t>
  </si>
  <si>
    <t>伊和</t>
  </si>
  <si>
    <t>千種</t>
  </si>
  <si>
    <t>豊岡</t>
  </si>
  <si>
    <t>豊岡・定</t>
  </si>
  <si>
    <t>出石</t>
  </si>
  <si>
    <t>浜坂</t>
  </si>
  <si>
    <t>村岡</t>
  </si>
  <si>
    <t>八鹿</t>
  </si>
  <si>
    <t>生野</t>
  </si>
  <si>
    <t>上郡</t>
  </si>
  <si>
    <t>佐用</t>
  </si>
  <si>
    <t>日高</t>
  </si>
  <si>
    <t>但馬農業</t>
  </si>
  <si>
    <t>山崎</t>
  </si>
  <si>
    <t>香住</t>
  </si>
  <si>
    <t>飾磨工業</t>
  </si>
  <si>
    <t>姫路工業</t>
  </si>
  <si>
    <t>相生産業</t>
  </si>
  <si>
    <t>姫路商業</t>
  </si>
  <si>
    <t>和田山</t>
  </si>
  <si>
    <t>姫路北</t>
  </si>
  <si>
    <t>県立大附属</t>
    <rPh sb="0" eb="2">
      <t>ケンリツ</t>
    </rPh>
    <phoneticPr fontId="2"/>
  </si>
  <si>
    <t>市立姫路</t>
  </si>
  <si>
    <t>市立琴丘</t>
  </si>
  <si>
    <t>市立飾磨</t>
  </si>
  <si>
    <t>豊岡総合</t>
    <rPh sb="0" eb="1">
      <t>トヨ</t>
    </rPh>
    <phoneticPr fontId="2"/>
  </si>
  <si>
    <t>市川</t>
  </si>
  <si>
    <t>生野学園</t>
  </si>
  <si>
    <t>淳心学院</t>
  </si>
  <si>
    <t>自由ヶ丘</t>
    <rPh sb="0" eb="2">
      <t>ジユウ</t>
    </rPh>
    <rPh sb="3" eb="4">
      <t>オカ</t>
    </rPh>
    <phoneticPr fontId="10"/>
  </si>
  <si>
    <t>姫路女学院</t>
    <rPh sb="0" eb="2">
      <t>ヒメジ</t>
    </rPh>
    <rPh sb="2" eb="5">
      <t>ジョガクイン</t>
    </rPh>
    <phoneticPr fontId="2"/>
  </si>
  <si>
    <t>賢明女子学院</t>
  </si>
  <si>
    <t>日ノ本学園</t>
  </si>
  <si>
    <t>４地区その他の学校</t>
    <rPh sb="1" eb="3">
      <t>チク</t>
    </rPh>
    <phoneticPr fontId="2"/>
  </si>
  <si>
    <t>西宮今津</t>
  </si>
  <si>
    <t>西宮香風</t>
  </si>
  <si>
    <t>市立西宮</t>
  </si>
  <si>
    <t>国際</t>
  </si>
  <si>
    <t>武庫荘総合</t>
  </si>
  <si>
    <t xml:space="preserve">県立芦屋国際中等教育学校 </t>
  </si>
  <si>
    <t>神戸鈴蘭台</t>
  </si>
  <si>
    <t>市立科学技術</t>
  </si>
  <si>
    <t>神戸弘陵</t>
  </si>
  <si>
    <t>啓明学院</t>
  </si>
  <si>
    <t>神戸国際</t>
  </si>
  <si>
    <t>洲本・定</t>
  </si>
  <si>
    <t>小野工業・定</t>
  </si>
  <si>
    <t>飾磨工業・多</t>
  </si>
  <si>
    <t>相生産業・定</t>
  </si>
  <si>
    <t>龍野北</t>
  </si>
  <si>
    <t>東洋大附姫路</t>
  </si>
  <si>
    <t>近大附豊岡</t>
  </si>
  <si>
    <t>←予選は１，県大会は２を入力</t>
    <rPh sb="1" eb="3">
      <t>ヨセン</t>
    </rPh>
    <rPh sb="6" eb="7">
      <t>ケン</t>
    </rPh>
    <rPh sb="7" eb="9">
      <t>タイカイ</t>
    </rPh>
    <rPh sb="12" eb="14">
      <t>ニュウリョク</t>
    </rPh>
    <phoneticPr fontId="1"/>
  </si>
  <si>
    <t>　PCR検査を受けている者がいる場合は参加できません。</t>
    <phoneticPr fontId="1"/>
  </si>
  <si>
    <t>◆参加する本人はもとより、同居の家族に発熱等の風邪症状があったり、</t>
    <rPh sb="1" eb="3">
      <t>サンカ</t>
    </rPh>
    <rPh sb="5" eb="7">
      <t>ホンニン</t>
    </rPh>
    <rPh sb="13" eb="15">
      <t>ドウキョ</t>
    </rPh>
    <rPh sb="16" eb="18">
      <t>カゾク</t>
    </rPh>
    <rPh sb="19" eb="21">
      <t>ハツネツ</t>
    </rPh>
    <rPh sb="21" eb="22">
      <t>トウ</t>
    </rPh>
    <rPh sb="23" eb="25">
      <t>カゼ</t>
    </rPh>
    <rPh sb="25" eb="27">
      <t>ショウジ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m&quot;月&quot;d&quot;日&quot;;@"/>
    <numFmt numFmtId="177" formatCode="ggge&quot;年&quot;m&quot;月&quot;d&quot;日（&quot;aaa&quot;）&quot;"/>
  </numFmts>
  <fonts count="12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20"/>
      <color theme="1"/>
      <name val="ＤＦ特太ゴシック体"/>
      <family val="3"/>
      <charset val="128"/>
    </font>
    <font>
      <sz val="14"/>
      <color theme="1"/>
      <name val="游ゴシック"/>
      <family val="2"/>
      <charset val="128"/>
      <scheme val="minor"/>
    </font>
    <font>
      <sz val="14"/>
      <color theme="1"/>
      <name val="游ゴシック"/>
      <family val="3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2"/>
      <color theme="1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</borders>
  <cellStyleXfs count="2">
    <xf numFmtId="0" fontId="0" fillId="0" borderId="0">
      <alignment vertical="center"/>
    </xf>
    <xf numFmtId="0" fontId="11" fillId="0" borderId="0"/>
  </cellStyleXfs>
  <cellXfs count="98">
    <xf numFmtId="0" fontId="0" fillId="0" borderId="0" xfId="0">
      <alignment vertical="center"/>
    </xf>
    <xf numFmtId="0" fontId="0" fillId="0" borderId="0" xfId="0" applyAlignment="1">
      <alignment vertical="center" shrinkToFit="1"/>
    </xf>
    <xf numFmtId="0" fontId="0" fillId="0" borderId="0" xfId="0" applyBorder="1" applyAlignment="1">
      <alignment vertical="center" shrinkToFit="1"/>
    </xf>
    <xf numFmtId="0" fontId="0" fillId="0" borderId="14" xfId="0" applyBorder="1" applyAlignment="1">
      <alignment vertical="center" shrinkToFit="1"/>
    </xf>
    <xf numFmtId="0" fontId="0" fillId="0" borderId="15" xfId="0" applyBorder="1" applyAlignment="1">
      <alignment horizontal="right" vertical="center" shrinkToFit="1"/>
    </xf>
    <xf numFmtId="0" fontId="0" fillId="0" borderId="24" xfId="0" applyBorder="1" applyAlignment="1">
      <alignment vertical="center" shrinkToFit="1"/>
    </xf>
    <xf numFmtId="0" fontId="8" fillId="0" borderId="0" xfId="0" applyFont="1" applyBorder="1" applyAlignment="1">
      <alignment horizontal="center" vertical="center" shrinkToFit="1"/>
    </xf>
    <xf numFmtId="0" fontId="0" fillId="0" borderId="0" xfId="0" applyBorder="1" applyAlignment="1">
      <alignment horizontal="left" vertical="center" shrinkToFit="1"/>
    </xf>
    <xf numFmtId="0" fontId="0" fillId="0" borderId="5" xfId="0" applyBorder="1" applyAlignment="1">
      <alignment horizontal="right" vertical="center" shrinkToFit="1"/>
    </xf>
    <xf numFmtId="0" fontId="0" fillId="0" borderId="26" xfId="0" applyBorder="1" applyAlignment="1">
      <alignment vertical="center" shrinkToFit="1"/>
    </xf>
    <xf numFmtId="0" fontId="0" fillId="0" borderId="27" xfId="0" applyBorder="1" applyAlignment="1">
      <alignment vertical="center" shrinkToFit="1"/>
    </xf>
    <xf numFmtId="0" fontId="0" fillId="0" borderId="28" xfId="0" applyBorder="1" applyAlignment="1">
      <alignment vertical="center" shrinkToFit="1"/>
    </xf>
    <xf numFmtId="0" fontId="6" fillId="0" borderId="0" xfId="0" applyFont="1" applyAlignment="1">
      <alignment vertical="center" shrinkToFit="1"/>
    </xf>
    <xf numFmtId="0" fontId="6" fillId="0" borderId="0" xfId="0" applyFont="1" applyAlignment="1">
      <alignment horizontal="center" vertical="center" shrinkToFit="1"/>
    </xf>
    <xf numFmtId="0" fontId="3" fillId="0" borderId="0" xfId="0" applyFont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2" fillId="0" borderId="0" xfId="0" applyFont="1" applyAlignment="1">
      <alignment horizontal="left" vertical="center" shrinkToFit="1"/>
    </xf>
    <xf numFmtId="0" fontId="0" fillId="0" borderId="0" xfId="0" applyBorder="1">
      <alignment vertical="center"/>
    </xf>
    <xf numFmtId="14" fontId="0" fillId="0" borderId="0" xfId="0" applyNumberFormat="1">
      <alignment vertical="center"/>
    </xf>
    <xf numFmtId="0" fontId="0" fillId="0" borderId="1" xfId="0" applyBorder="1">
      <alignment vertical="center"/>
    </xf>
    <xf numFmtId="0" fontId="0" fillId="0" borderId="21" xfId="0" applyBorder="1">
      <alignment vertical="center"/>
    </xf>
    <xf numFmtId="14" fontId="0" fillId="0" borderId="40" xfId="0" applyNumberFormat="1" applyBorder="1">
      <alignment vertical="center"/>
    </xf>
    <xf numFmtId="0" fontId="0" fillId="0" borderId="2" xfId="0" applyBorder="1">
      <alignment vertical="center"/>
    </xf>
    <xf numFmtId="14" fontId="0" fillId="0" borderId="24" xfId="0" applyNumberFormat="1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0" fillId="0" borderId="40" xfId="0" applyBorder="1">
      <alignment vertical="center"/>
    </xf>
    <xf numFmtId="0" fontId="0" fillId="0" borderId="24" xfId="0" applyBorder="1">
      <alignment vertical="center"/>
    </xf>
    <xf numFmtId="0" fontId="0" fillId="0" borderId="37" xfId="0" applyBorder="1" applyAlignment="1" applyProtection="1">
      <alignment vertical="center" shrinkToFit="1"/>
      <protection locked="0"/>
    </xf>
    <xf numFmtId="0" fontId="3" fillId="0" borderId="0" xfId="0" applyFont="1" applyAlignment="1">
      <alignment horizontal="center" vertical="center" shrinkToFit="1"/>
    </xf>
    <xf numFmtId="0" fontId="7" fillId="0" borderId="6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7" fillId="0" borderId="25" xfId="0" applyFont="1" applyBorder="1" applyAlignment="1">
      <alignment horizontal="center" vertical="center" shrinkToFit="1"/>
    </xf>
    <xf numFmtId="0" fontId="7" fillId="0" borderId="3" xfId="0" applyFont="1" applyBorder="1" applyAlignment="1">
      <alignment horizontal="center" vertical="center" shrinkToFit="1"/>
    </xf>
    <xf numFmtId="0" fontId="7" fillId="0" borderId="4" xfId="0" applyFont="1" applyBorder="1" applyAlignment="1">
      <alignment horizontal="center" vertical="center" shrinkToFit="1"/>
    </xf>
    <xf numFmtId="0" fontId="7" fillId="0" borderId="15" xfId="0" applyFont="1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0" fontId="0" fillId="0" borderId="17" xfId="0" applyBorder="1" applyAlignment="1">
      <alignment horizontal="center" vertical="center" shrinkToFit="1"/>
    </xf>
    <xf numFmtId="0" fontId="4" fillId="0" borderId="9" xfId="0" applyFont="1" applyBorder="1" applyAlignment="1" applyProtection="1">
      <alignment horizontal="center" vertical="center" shrinkToFit="1"/>
      <protection locked="0"/>
    </xf>
    <xf numFmtId="0" fontId="4" fillId="0" borderId="17" xfId="0" applyFont="1" applyBorder="1" applyAlignment="1" applyProtection="1">
      <alignment horizontal="center" vertical="center" shrinkToFit="1"/>
      <protection locked="0"/>
    </xf>
    <xf numFmtId="0" fontId="4" fillId="0" borderId="23" xfId="0" applyFont="1" applyBorder="1" applyAlignment="1" applyProtection="1">
      <alignment horizontal="center" vertical="center" shrinkToFit="1"/>
      <protection locked="0"/>
    </xf>
    <xf numFmtId="0" fontId="0" fillId="0" borderId="9" xfId="0" applyBorder="1" applyAlignment="1">
      <alignment horizontal="center" vertical="center" shrinkToFit="1"/>
    </xf>
    <xf numFmtId="0" fontId="5" fillId="0" borderId="17" xfId="0" applyFont="1" applyBorder="1" applyAlignment="1" applyProtection="1">
      <alignment horizontal="center" vertical="center" shrinkToFit="1"/>
      <protection locked="0"/>
    </xf>
    <xf numFmtId="0" fontId="0" fillId="0" borderId="17" xfId="0" applyBorder="1" applyAlignment="1" applyProtection="1">
      <alignment horizontal="left" vertical="center" shrinkToFit="1"/>
      <protection locked="0"/>
    </xf>
    <xf numFmtId="0" fontId="0" fillId="0" borderId="18" xfId="0" applyBorder="1" applyAlignment="1" applyProtection="1">
      <alignment horizontal="left" vertical="center" shrinkToFit="1"/>
      <protection locked="0"/>
    </xf>
    <xf numFmtId="176" fontId="0" fillId="0" borderId="29" xfId="0" applyNumberFormat="1" applyBorder="1" applyAlignment="1">
      <alignment horizontal="center" vertical="center" shrinkToFit="1"/>
    </xf>
    <xf numFmtId="176" fontId="0" fillId="0" borderId="30" xfId="0" applyNumberFormat="1" applyBorder="1" applyAlignment="1">
      <alignment horizontal="center" vertical="center" shrinkToFit="1"/>
    </xf>
    <xf numFmtId="176" fontId="0" fillId="0" borderId="32" xfId="0" applyNumberFormat="1" applyBorder="1" applyAlignment="1">
      <alignment horizontal="center" vertical="center" shrinkToFit="1"/>
    </xf>
    <xf numFmtId="0" fontId="0" fillId="0" borderId="1" xfId="0" applyBorder="1" applyAlignment="1">
      <alignment horizontal="center" shrinkToFit="1"/>
    </xf>
    <xf numFmtId="0" fontId="0" fillId="0" borderId="21" xfId="0" applyBorder="1" applyAlignment="1">
      <alignment horizontal="center" shrinkToFit="1"/>
    </xf>
    <xf numFmtId="0" fontId="0" fillId="0" borderId="22" xfId="0" applyBorder="1" applyAlignment="1">
      <alignment horizontal="center" shrinkToFit="1"/>
    </xf>
    <xf numFmtId="0" fontId="0" fillId="0" borderId="2" xfId="0" applyBorder="1" applyAlignment="1">
      <alignment horizontal="center" shrinkToFit="1"/>
    </xf>
    <xf numFmtId="0" fontId="0" fillId="0" borderId="0" xfId="0" applyBorder="1" applyAlignment="1">
      <alignment horizontal="center" shrinkToFit="1"/>
    </xf>
    <xf numFmtId="0" fontId="0" fillId="0" borderId="14" xfId="0" applyBorder="1" applyAlignment="1">
      <alignment horizontal="center" shrinkToFit="1"/>
    </xf>
    <xf numFmtId="0" fontId="0" fillId="0" borderId="29" xfId="0" applyBorder="1" applyAlignment="1">
      <alignment horizontal="center" vertical="center" shrinkToFit="1"/>
    </xf>
    <xf numFmtId="0" fontId="0" fillId="0" borderId="30" xfId="0" applyBorder="1" applyAlignment="1">
      <alignment horizontal="center" vertical="center" shrinkToFit="1"/>
    </xf>
    <xf numFmtId="0" fontId="0" fillId="0" borderId="32" xfId="0" applyBorder="1" applyAlignment="1">
      <alignment horizontal="center" vertical="center" shrinkToFit="1"/>
    </xf>
    <xf numFmtId="0" fontId="0" fillId="0" borderId="10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33" xfId="0" applyBorder="1" applyAlignment="1">
      <alignment horizontal="center" vertical="center" shrinkToFit="1"/>
    </xf>
    <xf numFmtId="0" fontId="0" fillId="0" borderId="7" xfId="0" applyBorder="1" applyAlignment="1" applyProtection="1">
      <alignment horizontal="center" vertical="center" shrinkToFit="1"/>
      <protection locked="0"/>
    </xf>
    <xf numFmtId="0" fontId="0" fillId="0" borderId="8" xfId="0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 applyProtection="1">
      <alignment horizontal="right" vertical="center" shrinkToFit="1"/>
      <protection locked="0"/>
    </xf>
    <xf numFmtId="0" fontId="4" fillId="0" borderId="0" xfId="0" applyFont="1" applyBorder="1" applyAlignment="1" applyProtection="1">
      <alignment horizontal="right" vertical="center" shrinkToFit="1"/>
      <protection locked="0"/>
    </xf>
    <xf numFmtId="0" fontId="4" fillId="0" borderId="12" xfId="0" applyFont="1" applyBorder="1" applyAlignment="1" applyProtection="1">
      <alignment horizontal="right" vertical="center" shrinkToFit="1"/>
      <protection locked="0"/>
    </xf>
    <xf numFmtId="0" fontId="4" fillId="0" borderId="4" xfId="0" applyFont="1" applyBorder="1" applyAlignment="1" applyProtection="1">
      <alignment horizontal="right" vertical="center" shrinkToFit="1"/>
      <protection locked="0"/>
    </xf>
    <xf numFmtId="0" fontId="0" fillId="0" borderId="0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0" fillId="0" borderId="15" xfId="0" applyBorder="1" applyAlignment="1">
      <alignment horizontal="center" vertical="center" shrinkToFit="1"/>
    </xf>
    <xf numFmtId="0" fontId="0" fillId="0" borderId="13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34" xfId="0" applyBorder="1" applyAlignment="1">
      <alignment horizontal="center" vertical="center" shrinkToFit="1"/>
    </xf>
    <xf numFmtId="0" fontId="0" fillId="0" borderId="11" xfId="0" applyBorder="1" applyAlignment="1">
      <alignment horizontal="center" vertical="center" shrinkToFit="1"/>
    </xf>
    <xf numFmtId="0" fontId="0" fillId="0" borderId="35" xfId="0" applyBorder="1" applyAlignment="1">
      <alignment horizontal="center" vertical="center" shrinkToFit="1"/>
    </xf>
    <xf numFmtId="0" fontId="0" fillId="0" borderId="12" xfId="0" applyBorder="1" applyAlignment="1">
      <alignment horizontal="center" vertical="center" shrinkToFit="1"/>
    </xf>
    <xf numFmtId="0" fontId="0" fillId="0" borderId="36" xfId="0" applyBorder="1" applyAlignment="1">
      <alignment horizontal="center" vertical="center" shrinkToFit="1"/>
    </xf>
    <xf numFmtId="0" fontId="4" fillId="0" borderId="0" xfId="0" applyFont="1" applyBorder="1" applyAlignment="1" applyProtection="1">
      <alignment horizontal="center" vertical="center" shrinkToFit="1"/>
      <protection locked="0"/>
    </xf>
    <xf numFmtId="0" fontId="4" fillId="0" borderId="24" xfId="0" applyFont="1" applyBorder="1" applyAlignment="1" applyProtection="1">
      <alignment horizontal="center" vertical="center" shrinkToFit="1"/>
      <protection locked="0"/>
    </xf>
    <xf numFmtId="0" fontId="4" fillId="0" borderId="4" xfId="0" applyFont="1" applyBorder="1" applyAlignment="1" applyProtection="1">
      <alignment horizontal="center" vertical="center" shrinkToFit="1"/>
      <protection locked="0"/>
    </xf>
    <xf numFmtId="0" fontId="4" fillId="0" borderId="5" xfId="0" applyFont="1" applyBorder="1" applyAlignment="1" applyProtection="1">
      <alignment horizontal="center" vertical="center" shrinkToFit="1"/>
      <protection locked="0"/>
    </xf>
    <xf numFmtId="0" fontId="0" fillId="0" borderId="2" xfId="0" applyBorder="1" applyAlignment="1">
      <alignment horizontal="center" vertical="top" shrinkToFit="1"/>
    </xf>
    <xf numFmtId="0" fontId="0" fillId="0" borderId="0" xfId="0" applyBorder="1" applyAlignment="1">
      <alignment horizontal="center" vertical="top" shrinkToFit="1"/>
    </xf>
    <xf numFmtId="0" fontId="0" fillId="0" borderId="14" xfId="0" applyBorder="1" applyAlignment="1">
      <alignment horizontal="center" vertical="top" shrinkToFit="1"/>
    </xf>
    <xf numFmtId="0" fontId="0" fillId="0" borderId="3" xfId="0" applyBorder="1" applyAlignment="1">
      <alignment horizontal="center" vertical="top" shrinkToFit="1"/>
    </xf>
    <xf numFmtId="0" fontId="0" fillId="0" borderId="4" xfId="0" applyBorder="1" applyAlignment="1">
      <alignment horizontal="center" vertical="top" shrinkToFit="1"/>
    </xf>
    <xf numFmtId="0" fontId="0" fillId="0" borderId="15" xfId="0" applyBorder="1" applyAlignment="1">
      <alignment horizontal="center" vertical="top" shrinkToFit="1"/>
    </xf>
    <xf numFmtId="0" fontId="5" fillId="0" borderId="10" xfId="0" applyFont="1" applyBorder="1" applyAlignment="1" applyProtection="1">
      <alignment horizontal="left" vertical="center" indent="1" shrinkToFit="1"/>
    </xf>
    <xf numFmtId="0" fontId="5" fillId="0" borderId="7" xfId="0" applyFont="1" applyBorder="1" applyAlignment="1" applyProtection="1">
      <alignment horizontal="left" vertical="center" indent="1" shrinkToFit="1"/>
    </xf>
    <xf numFmtId="0" fontId="5" fillId="0" borderId="7" xfId="0" applyFont="1" applyBorder="1" applyAlignment="1" applyProtection="1">
      <alignment horizontal="center" vertical="center" shrinkToFit="1"/>
    </xf>
    <xf numFmtId="0" fontId="5" fillId="0" borderId="8" xfId="0" applyFont="1" applyBorder="1" applyAlignment="1" applyProtection="1">
      <alignment horizontal="center" vertical="center" shrinkToFit="1"/>
    </xf>
    <xf numFmtId="177" fontId="5" fillId="0" borderId="38" xfId="0" applyNumberFormat="1" applyFont="1" applyBorder="1" applyAlignment="1" applyProtection="1">
      <alignment horizontal="left" vertical="center" indent="1" shrinkToFit="1"/>
    </xf>
    <xf numFmtId="177" fontId="5" fillId="0" borderId="19" xfId="0" applyNumberFormat="1" applyFont="1" applyBorder="1" applyAlignment="1" applyProtection="1">
      <alignment horizontal="left" vertical="center" indent="1" shrinkToFit="1"/>
    </xf>
    <xf numFmtId="177" fontId="5" fillId="0" borderId="39" xfId="0" applyNumberFormat="1" applyFont="1" applyBorder="1" applyAlignment="1" applyProtection="1">
      <alignment horizontal="left" vertical="center" indent="1" shrinkToFit="1"/>
    </xf>
    <xf numFmtId="0" fontId="0" fillId="0" borderId="31" xfId="0" applyBorder="1" applyAlignment="1">
      <alignment horizontal="center" vertical="center" shrinkToFit="1"/>
    </xf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horizontal="left"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H22"/>
  <sheetViews>
    <sheetView tabSelected="1" view="pageBreakPreview" zoomScaleNormal="100" zoomScaleSheetLayoutView="100" workbookViewId="0">
      <selection activeCell="AH18" sqref="AH18"/>
    </sheetView>
  </sheetViews>
  <sheetFormatPr defaultRowHeight="18.75"/>
  <cols>
    <col min="1" max="1" width="1" style="1" customWidth="1"/>
    <col min="2" max="30" width="2.5" style="1" customWidth="1"/>
    <col min="31" max="31" width="1.75" style="1" customWidth="1"/>
    <col min="32" max="32" width="3.125" style="1" customWidth="1"/>
    <col min="33" max="33" width="9" style="1"/>
    <col min="34" max="34" width="30" style="1" customWidth="1"/>
    <col min="35" max="16384" width="9" style="1"/>
  </cols>
  <sheetData>
    <row r="1" spans="2:34" ht="24">
      <c r="B1" s="30" t="s">
        <v>5</v>
      </c>
      <c r="C1" s="30"/>
      <c r="D1" s="30"/>
      <c r="E1" s="30"/>
      <c r="F1" s="30"/>
      <c r="G1" s="30"/>
      <c r="H1" s="30"/>
      <c r="I1" s="30"/>
      <c r="J1" s="30"/>
      <c r="K1" s="30"/>
      <c r="L1" s="30"/>
      <c r="M1" s="30"/>
      <c r="N1" s="30"/>
      <c r="O1" s="30"/>
      <c r="P1" s="30"/>
      <c r="Q1" s="30"/>
      <c r="R1" s="30"/>
      <c r="S1" s="30"/>
      <c r="T1" s="30"/>
      <c r="U1" s="30"/>
      <c r="V1" s="30"/>
      <c r="W1" s="30"/>
      <c r="X1" s="30"/>
      <c r="Y1" s="30"/>
      <c r="Z1" s="30"/>
      <c r="AA1" s="30"/>
      <c r="AB1" s="30"/>
      <c r="AC1" s="30"/>
      <c r="AD1" s="30"/>
    </row>
    <row r="2" spans="2:34" ht="13.5" customHeight="1" thickBot="1">
      <c r="E2" s="14"/>
      <c r="F2" s="14"/>
      <c r="G2" s="14"/>
      <c r="H2" s="14"/>
      <c r="I2" s="14"/>
      <c r="J2" s="14"/>
      <c r="K2" s="14"/>
      <c r="L2" s="14"/>
      <c r="M2" s="14"/>
      <c r="N2" s="14"/>
      <c r="O2" s="14"/>
      <c r="P2" s="14"/>
      <c r="Q2" s="14"/>
      <c r="R2" s="14"/>
      <c r="S2" s="14"/>
      <c r="T2" s="14"/>
      <c r="U2" s="14"/>
      <c r="V2" s="14"/>
      <c r="W2" s="14"/>
      <c r="X2" s="14"/>
      <c r="Y2" s="14"/>
      <c r="Z2" s="14"/>
      <c r="AA2" s="14"/>
    </row>
    <row r="3" spans="2:34" ht="35.25" customHeight="1" thickBot="1">
      <c r="B3" s="31" t="s">
        <v>9</v>
      </c>
      <c r="C3" s="32"/>
      <c r="D3" s="32"/>
      <c r="E3" s="33"/>
      <c r="F3" s="88" t="s">
        <v>19</v>
      </c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  <c r="R3" s="89"/>
      <c r="S3" s="89"/>
      <c r="T3" s="89"/>
      <c r="U3" s="89"/>
      <c r="V3" s="90" t="str">
        <f>IF(AG3="","",VLOOKUP($AG$3,data!$A$2:$C$4,2))</f>
        <v>予選</v>
      </c>
      <c r="W3" s="90"/>
      <c r="X3" s="90"/>
      <c r="Y3" s="90"/>
      <c r="Z3" s="90"/>
      <c r="AA3" s="90"/>
      <c r="AB3" s="90"/>
      <c r="AC3" s="90"/>
      <c r="AD3" s="91"/>
      <c r="AG3" s="29">
        <v>1</v>
      </c>
      <c r="AH3" s="1" t="s">
        <v>250</v>
      </c>
    </row>
    <row r="4" spans="2:34" ht="35.25" customHeight="1" thickBot="1">
      <c r="B4" s="34" t="s">
        <v>10</v>
      </c>
      <c r="C4" s="35"/>
      <c r="D4" s="35"/>
      <c r="E4" s="36"/>
      <c r="F4" s="92">
        <f>IF(AG3="","",VLOOKUP($AG$3,data!$A$2:$C$4,3))</f>
        <v>44353</v>
      </c>
      <c r="G4" s="93"/>
      <c r="H4" s="93"/>
      <c r="I4" s="93"/>
      <c r="J4" s="93"/>
      <c r="K4" s="93"/>
      <c r="L4" s="93"/>
      <c r="M4" s="93"/>
      <c r="N4" s="93"/>
      <c r="O4" s="93"/>
      <c r="P4" s="93"/>
      <c r="Q4" s="93"/>
      <c r="R4" s="93"/>
      <c r="S4" s="93"/>
      <c r="T4" s="93"/>
      <c r="U4" s="93"/>
      <c r="V4" s="93"/>
      <c r="W4" s="93"/>
      <c r="X4" s="93"/>
      <c r="Y4" s="93"/>
      <c r="Z4" s="93"/>
      <c r="AA4" s="93"/>
      <c r="AB4" s="93"/>
      <c r="AC4" s="93"/>
      <c r="AD4" s="94"/>
    </row>
    <row r="5" spans="2:34" ht="19.5" thickBot="1"/>
    <row r="6" spans="2:34" ht="51" customHeight="1" thickBot="1">
      <c r="B6" s="37" t="s">
        <v>8</v>
      </c>
      <c r="C6" s="38"/>
      <c r="D6" s="38"/>
      <c r="E6" s="38"/>
      <c r="F6" s="39"/>
      <c r="G6" s="40"/>
      <c r="H6" s="40"/>
      <c r="I6" s="40"/>
      <c r="J6" s="40"/>
      <c r="K6" s="41"/>
      <c r="L6" s="42" t="s">
        <v>0</v>
      </c>
      <c r="M6" s="38"/>
      <c r="N6" s="38"/>
      <c r="O6" s="38"/>
      <c r="P6" s="39"/>
      <c r="Q6" s="43"/>
      <c r="R6" s="43"/>
      <c r="S6" s="43"/>
      <c r="T6" s="43"/>
      <c r="U6" s="43"/>
      <c r="V6" s="43"/>
      <c r="W6" s="43"/>
      <c r="X6" s="43"/>
      <c r="Y6" s="43"/>
      <c r="Z6" s="43"/>
      <c r="AA6" s="44" t="s">
        <v>17</v>
      </c>
      <c r="AB6" s="44"/>
      <c r="AC6" s="44"/>
      <c r="AD6" s="45"/>
      <c r="AF6" s="2"/>
    </row>
    <row r="7" spans="2:34" ht="19.5" customHeight="1" thickBot="1">
      <c r="B7" s="15"/>
      <c r="C7" s="15"/>
      <c r="D7" s="15"/>
      <c r="E7" s="15"/>
      <c r="F7" s="6"/>
      <c r="G7" s="6"/>
      <c r="H7" s="6"/>
      <c r="I7" s="6"/>
      <c r="J7" s="15"/>
      <c r="K7" s="15"/>
      <c r="L7" s="15"/>
      <c r="M7" s="15"/>
      <c r="N7" s="6"/>
      <c r="O7" s="6"/>
      <c r="P7" s="6"/>
      <c r="Q7" s="6"/>
      <c r="R7" s="6"/>
      <c r="S7" s="6"/>
      <c r="T7" s="6"/>
      <c r="U7" s="6"/>
      <c r="V7" s="6"/>
      <c r="W7" s="7"/>
      <c r="X7" s="7"/>
      <c r="Y7" s="7"/>
      <c r="Z7" s="7"/>
    </row>
    <row r="8" spans="2:34" ht="15.75" customHeight="1">
      <c r="B8" s="49" t="s">
        <v>11</v>
      </c>
      <c r="C8" s="50"/>
      <c r="D8" s="50"/>
      <c r="E8" s="51"/>
      <c r="F8" s="55" t="s">
        <v>4</v>
      </c>
      <c r="G8" s="56"/>
      <c r="H8" s="56"/>
      <c r="I8" s="56"/>
      <c r="J8" s="57"/>
      <c r="K8" s="58" t="s">
        <v>3</v>
      </c>
      <c r="L8" s="59"/>
      <c r="M8" s="59"/>
      <c r="N8" s="60"/>
      <c r="O8" s="61"/>
      <c r="P8" s="61"/>
      <c r="Q8" s="61"/>
      <c r="R8" s="61"/>
      <c r="S8" s="61"/>
      <c r="T8" s="61"/>
      <c r="U8" s="61"/>
      <c r="V8" s="61"/>
      <c r="W8" s="61"/>
      <c r="X8" s="61"/>
      <c r="Y8" s="61"/>
      <c r="Z8" s="61"/>
      <c r="AA8" s="61"/>
      <c r="AB8" s="61"/>
      <c r="AC8" s="61"/>
      <c r="AD8" s="62"/>
    </row>
    <row r="9" spans="2:34" ht="15.75" customHeight="1">
      <c r="B9" s="52"/>
      <c r="C9" s="53"/>
      <c r="D9" s="53"/>
      <c r="E9" s="54"/>
      <c r="F9" s="63"/>
      <c r="G9" s="64"/>
      <c r="H9" s="64"/>
      <c r="I9" s="67" t="s">
        <v>1</v>
      </c>
      <c r="J9" s="68"/>
      <c r="K9" s="71" t="s">
        <v>2</v>
      </c>
      <c r="L9" s="72"/>
      <c r="M9" s="72"/>
      <c r="N9" s="73"/>
      <c r="O9" s="78"/>
      <c r="P9" s="78"/>
      <c r="Q9" s="78"/>
      <c r="R9" s="78"/>
      <c r="S9" s="78"/>
      <c r="T9" s="78"/>
      <c r="U9" s="78"/>
      <c r="V9" s="78"/>
      <c r="W9" s="78"/>
      <c r="X9" s="78"/>
      <c r="Y9" s="78"/>
      <c r="Z9" s="78"/>
      <c r="AA9" s="78"/>
      <c r="AB9" s="78"/>
      <c r="AC9" s="78"/>
      <c r="AD9" s="79"/>
    </row>
    <row r="10" spans="2:34" ht="15.75" customHeight="1">
      <c r="B10" s="82" t="s">
        <v>12</v>
      </c>
      <c r="C10" s="83"/>
      <c r="D10" s="83"/>
      <c r="E10" s="84"/>
      <c r="F10" s="63"/>
      <c r="G10" s="64"/>
      <c r="H10" s="64"/>
      <c r="I10" s="67"/>
      <c r="J10" s="68"/>
      <c r="K10" s="74"/>
      <c r="L10" s="67"/>
      <c r="M10" s="67"/>
      <c r="N10" s="75"/>
      <c r="O10" s="78"/>
      <c r="P10" s="78"/>
      <c r="Q10" s="78"/>
      <c r="R10" s="78"/>
      <c r="S10" s="78"/>
      <c r="T10" s="78"/>
      <c r="U10" s="78"/>
      <c r="V10" s="78"/>
      <c r="W10" s="78"/>
      <c r="X10" s="78"/>
      <c r="Y10" s="78"/>
      <c r="Z10" s="78"/>
      <c r="AA10" s="78"/>
      <c r="AB10" s="78"/>
      <c r="AC10" s="78"/>
      <c r="AD10" s="79"/>
    </row>
    <row r="11" spans="2:34" ht="15.75" customHeight="1" thickBot="1">
      <c r="B11" s="85"/>
      <c r="C11" s="86"/>
      <c r="D11" s="86"/>
      <c r="E11" s="87"/>
      <c r="F11" s="65"/>
      <c r="G11" s="66"/>
      <c r="H11" s="66"/>
      <c r="I11" s="69"/>
      <c r="J11" s="70"/>
      <c r="K11" s="76"/>
      <c r="L11" s="69"/>
      <c r="M11" s="69"/>
      <c r="N11" s="77"/>
      <c r="O11" s="80"/>
      <c r="P11" s="80"/>
      <c r="Q11" s="80"/>
      <c r="R11" s="80"/>
      <c r="S11" s="80"/>
      <c r="T11" s="80"/>
      <c r="U11" s="80"/>
      <c r="V11" s="80"/>
      <c r="W11" s="80"/>
      <c r="X11" s="80"/>
      <c r="Y11" s="80"/>
      <c r="Z11" s="80"/>
      <c r="AA11" s="80"/>
      <c r="AB11" s="80"/>
      <c r="AC11" s="80"/>
      <c r="AD11" s="81"/>
    </row>
    <row r="12" spans="2:34" s="12" customFormat="1" ht="19.5" thickBot="1">
      <c r="C12" s="12">
        <v>6</v>
      </c>
      <c r="E12" s="13"/>
      <c r="G12" s="12">
        <v>5</v>
      </c>
      <c r="K12" s="12">
        <v>4</v>
      </c>
      <c r="O12" s="12">
        <v>3</v>
      </c>
      <c r="S12" s="12">
        <v>2</v>
      </c>
      <c r="W12" s="12">
        <v>1</v>
      </c>
    </row>
    <row r="13" spans="2:34">
      <c r="B13" s="9" t="s">
        <v>13</v>
      </c>
      <c r="C13" s="46">
        <f>IF($F$4="","　月　 日",$F$4-C12)</f>
        <v>44347</v>
      </c>
      <c r="D13" s="47"/>
      <c r="E13" s="47"/>
      <c r="F13" s="48"/>
      <c r="G13" s="46">
        <f t="shared" ref="G13" si="0">IF($F$4="","　月　 日",$F$4-G12)</f>
        <v>44348</v>
      </c>
      <c r="H13" s="47"/>
      <c r="I13" s="47"/>
      <c r="J13" s="48"/>
      <c r="K13" s="46">
        <f t="shared" ref="K13" si="1">IF($F$4="","　月　 日",$F$4-K12)</f>
        <v>44349</v>
      </c>
      <c r="L13" s="47"/>
      <c r="M13" s="47"/>
      <c r="N13" s="48"/>
      <c r="O13" s="46">
        <f t="shared" ref="O13" si="2">IF($F$4="","　月　 日",$F$4-O12)</f>
        <v>44350</v>
      </c>
      <c r="P13" s="47"/>
      <c r="Q13" s="47"/>
      <c r="R13" s="48"/>
      <c r="S13" s="46">
        <f t="shared" ref="S13" si="3">IF($F$4="","　月　 日",$F$4-S12)</f>
        <v>44351</v>
      </c>
      <c r="T13" s="47"/>
      <c r="U13" s="47"/>
      <c r="V13" s="48"/>
      <c r="W13" s="46">
        <f t="shared" ref="W13" si="4">IF($F$4="","　月　 日",$F$4-W12)</f>
        <v>44352</v>
      </c>
      <c r="X13" s="47"/>
      <c r="Y13" s="47"/>
      <c r="Z13" s="48"/>
      <c r="AA13" s="55" t="s">
        <v>18</v>
      </c>
      <c r="AB13" s="56"/>
      <c r="AC13" s="56"/>
      <c r="AD13" s="95"/>
    </row>
    <row r="14" spans="2:34">
      <c r="B14" s="10" t="s">
        <v>14</v>
      </c>
      <c r="C14" s="78"/>
      <c r="D14" s="78"/>
      <c r="E14" s="78"/>
      <c r="F14" s="3"/>
      <c r="G14" s="78"/>
      <c r="H14" s="78"/>
      <c r="I14" s="78"/>
      <c r="J14" s="3"/>
      <c r="K14" s="78"/>
      <c r="L14" s="78"/>
      <c r="M14" s="78"/>
      <c r="N14" s="3"/>
      <c r="O14" s="78"/>
      <c r="P14" s="78"/>
      <c r="Q14" s="78"/>
      <c r="R14" s="3"/>
      <c r="S14" s="78"/>
      <c r="T14" s="78"/>
      <c r="U14" s="78"/>
      <c r="V14" s="3"/>
      <c r="W14" s="78"/>
      <c r="X14" s="78"/>
      <c r="Y14" s="78"/>
      <c r="Z14" s="3"/>
      <c r="AA14" s="78"/>
      <c r="AB14" s="78"/>
      <c r="AC14" s="78"/>
      <c r="AD14" s="5"/>
    </row>
    <row r="15" spans="2:34">
      <c r="B15" s="10" t="s">
        <v>15</v>
      </c>
      <c r="C15" s="78"/>
      <c r="D15" s="78"/>
      <c r="E15" s="78"/>
      <c r="F15" s="3"/>
      <c r="G15" s="78"/>
      <c r="H15" s="78"/>
      <c r="I15" s="78"/>
      <c r="J15" s="3"/>
      <c r="K15" s="78"/>
      <c r="L15" s="78"/>
      <c r="M15" s="78"/>
      <c r="N15" s="3"/>
      <c r="O15" s="78"/>
      <c r="P15" s="78"/>
      <c r="Q15" s="78"/>
      <c r="R15" s="3"/>
      <c r="S15" s="78"/>
      <c r="T15" s="78"/>
      <c r="U15" s="78"/>
      <c r="V15" s="3"/>
      <c r="W15" s="78"/>
      <c r="X15" s="78"/>
      <c r="Y15" s="78"/>
      <c r="Z15" s="3"/>
      <c r="AA15" s="78"/>
      <c r="AB15" s="78"/>
      <c r="AC15" s="78"/>
      <c r="AD15" s="5"/>
    </row>
    <row r="16" spans="2:34" ht="19.5" thickBot="1">
      <c r="B16" s="11" t="s">
        <v>16</v>
      </c>
      <c r="C16" s="80"/>
      <c r="D16" s="80"/>
      <c r="E16" s="80"/>
      <c r="F16" s="4" t="s">
        <v>7</v>
      </c>
      <c r="G16" s="80"/>
      <c r="H16" s="80"/>
      <c r="I16" s="80"/>
      <c r="J16" s="4" t="s">
        <v>7</v>
      </c>
      <c r="K16" s="80"/>
      <c r="L16" s="80"/>
      <c r="M16" s="80"/>
      <c r="N16" s="4" t="s">
        <v>7</v>
      </c>
      <c r="O16" s="80"/>
      <c r="P16" s="80"/>
      <c r="Q16" s="80"/>
      <c r="R16" s="4" t="s">
        <v>7</v>
      </c>
      <c r="S16" s="80"/>
      <c r="T16" s="80"/>
      <c r="U16" s="80"/>
      <c r="V16" s="4" t="s">
        <v>7</v>
      </c>
      <c r="W16" s="80"/>
      <c r="X16" s="80"/>
      <c r="Y16" s="80"/>
      <c r="Z16" s="4" t="s">
        <v>7</v>
      </c>
      <c r="AA16" s="80"/>
      <c r="AB16" s="80"/>
      <c r="AC16" s="80"/>
      <c r="AD16" s="8" t="s">
        <v>7</v>
      </c>
    </row>
    <row r="18" spans="2:30" ht="24" customHeight="1">
      <c r="B18" s="96" t="s">
        <v>6</v>
      </c>
      <c r="C18" s="96"/>
      <c r="D18" s="96"/>
      <c r="E18" s="96"/>
      <c r="F18" s="96"/>
      <c r="G18" s="96"/>
      <c r="H18" s="96"/>
      <c r="I18" s="96"/>
      <c r="J18" s="96"/>
      <c r="K18" s="96"/>
      <c r="L18" s="96"/>
      <c r="M18" s="96"/>
      <c r="N18" s="96"/>
      <c r="O18" s="96"/>
      <c r="P18" s="96"/>
      <c r="Q18" s="96"/>
      <c r="R18" s="96"/>
      <c r="S18" s="96"/>
      <c r="T18" s="96"/>
      <c r="U18" s="96"/>
      <c r="V18" s="96"/>
      <c r="W18" s="96"/>
      <c r="X18" s="96"/>
      <c r="Y18" s="96"/>
      <c r="Z18" s="96"/>
      <c r="AA18" s="96"/>
      <c r="AB18" s="96"/>
      <c r="AC18" s="96"/>
      <c r="AD18" s="96"/>
    </row>
    <row r="19" spans="2:30" ht="24" customHeight="1">
      <c r="B19" s="97" t="s">
        <v>252</v>
      </c>
      <c r="C19" s="96"/>
      <c r="D19" s="96"/>
      <c r="E19" s="96"/>
      <c r="F19" s="96"/>
      <c r="G19" s="96"/>
      <c r="H19" s="96"/>
      <c r="I19" s="96"/>
      <c r="J19" s="96"/>
      <c r="K19" s="96"/>
      <c r="L19" s="96"/>
      <c r="M19" s="96"/>
      <c r="N19" s="96"/>
      <c r="O19" s="96"/>
      <c r="P19" s="96"/>
      <c r="Q19" s="96"/>
      <c r="R19" s="96"/>
      <c r="S19" s="96"/>
      <c r="T19" s="96"/>
      <c r="U19" s="96"/>
      <c r="V19" s="96"/>
      <c r="W19" s="96"/>
      <c r="X19" s="96"/>
      <c r="Y19" s="96"/>
      <c r="Z19" s="96"/>
      <c r="AA19" s="96"/>
      <c r="AB19" s="96"/>
      <c r="AC19" s="96"/>
      <c r="AD19" s="96"/>
    </row>
    <row r="20" spans="2:30" ht="24" customHeight="1">
      <c r="B20" s="97" t="s">
        <v>251</v>
      </c>
      <c r="C20" s="96"/>
      <c r="D20" s="96"/>
      <c r="E20" s="96"/>
      <c r="F20" s="96"/>
      <c r="G20" s="96"/>
      <c r="H20" s="96"/>
      <c r="I20" s="96"/>
      <c r="J20" s="96"/>
      <c r="K20" s="96"/>
      <c r="L20" s="96"/>
      <c r="M20" s="96"/>
      <c r="N20" s="96"/>
      <c r="O20" s="96"/>
      <c r="P20" s="96"/>
      <c r="Q20" s="96"/>
      <c r="R20" s="96"/>
      <c r="S20" s="96"/>
      <c r="T20" s="96"/>
      <c r="U20" s="96"/>
      <c r="V20" s="96"/>
      <c r="W20" s="96"/>
      <c r="X20" s="96"/>
      <c r="Y20" s="96"/>
      <c r="Z20" s="96"/>
      <c r="AA20" s="96"/>
      <c r="AB20" s="96"/>
      <c r="AC20" s="96"/>
      <c r="AD20" s="96"/>
    </row>
    <row r="21" spans="2:30" ht="10.5" customHeight="1">
      <c r="B21" s="16"/>
      <c r="C21" s="16"/>
      <c r="D21" s="16"/>
      <c r="E21" s="16"/>
      <c r="F21" s="16"/>
      <c r="G21" s="16"/>
      <c r="H21" s="16"/>
      <c r="I21" s="16"/>
      <c r="J21" s="16"/>
      <c r="K21" s="16"/>
      <c r="L21" s="16"/>
      <c r="M21" s="16"/>
      <c r="N21" s="16"/>
      <c r="O21" s="16"/>
      <c r="P21" s="16"/>
      <c r="Q21" s="16"/>
      <c r="R21" s="16"/>
      <c r="S21" s="16"/>
      <c r="T21" s="16"/>
      <c r="U21" s="16"/>
      <c r="V21" s="16"/>
      <c r="W21" s="16"/>
      <c r="X21" s="16"/>
      <c r="Y21" s="16"/>
      <c r="Z21" s="16"/>
      <c r="AA21" s="16"/>
      <c r="AB21" s="16"/>
      <c r="AC21" s="16"/>
      <c r="AD21" s="16"/>
    </row>
    <row r="22" spans="2:30" ht="11.25" customHeight="1"/>
  </sheetData>
  <sheetProtection password="E710" sheet="1" objects="1" scenarios="1"/>
  <mergeCells count="37">
    <mergeCell ref="B18:AD18"/>
    <mergeCell ref="B20:AD20"/>
    <mergeCell ref="B19:AD19"/>
    <mergeCell ref="W14:Y16"/>
    <mergeCell ref="AA14:AC16"/>
    <mergeCell ref="C13:F13"/>
    <mergeCell ref="G13:J13"/>
    <mergeCell ref="K13:N13"/>
    <mergeCell ref="O13:R13"/>
    <mergeCell ref="S13:V13"/>
    <mergeCell ref="C14:E16"/>
    <mergeCell ref="G14:I16"/>
    <mergeCell ref="K14:M16"/>
    <mergeCell ref="O14:Q16"/>
    <mergeCell ref="S14:U16"/>
    <mergeCell ref="W13:Z13"/>
    <mergeCell ref="B8:E9"/>
    <mergeCell ref="F8:J8"/>
    <mergeCell ref="K8:N8"/>
    <mergeCell ref="O8:AD8"/>
    <mergeCell ref="F9:H11"/>
    <mergeCell ref="I9:J11"/>
    <mergeCell ref="K9:N11"/>
    <mergeCell ref="O9:AD11"/>
    <mergeCell ref="B10:E11"/>
    <mergeCell ref="AA13:AD13"/>
    <mergeCell ref="B1:AD1"/>
    <mergeCell ref="B3:E3"/>
    <mergeCell ref="B4:E4"/>
    <mergeCell ref="B6:E6"/>
    <mergeCell ref="F6:K6"/>
    <mergeCell ref="L6:O6"/>
    <mergeCell ref="P6:Z6"/>
    <mergeCell ref="AA6:AD6"/>
    <mergeCell ref="F3:U3"/>
    <mergeCell ref="V3:AD3"/>
    <mergeCell ref="F4:AD4"/>
  </mergeCells>
  <phoneticPr fontId="1"/>
  <dataValidations count="2">
    <dataValidation type="list" allowBlank="1" showInputMessage="1" showErrorMessage="1" sqref="AA6:AD6">
      <formula1>"高等学校,高等部"</formula1>
    </dataValidation>
    <dataValidation imeMode="off" allowBlank="1" showInputMessage="1" showErrorMessage="1" sqref="AG3"/>
  </dataValidations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H22"/>
  <sheetViews>
    <sheetView view="pageBreakPreview" zoomScaleNormal="100" zoomScaleSheetLayoutView="100" workbookViewId="0">
      <selection activeCell="AH11" sqref="AH11"/>
    </sheetView>
  </sheetViews>
  <sheetFormatPr defaultRowHeight="18.75"/>
  <cols>
    <col min="1" max="1" width="1" style="1" customWidth="1"/>
    <col min="2" max="30" width="2.5" style="1" customWidth="1"/>
    <col min="31" max="31" width="1.75" style="1" customWidth="1"/>
    <col min="32" max="32" width="3.125" style="1" customWidth="1"/>
    <col min="33" max="33" width="9" style="1"/>
    <col min="34" max="34" width="30" style="1" customWidth="1"/>
    <col min="35" max="16384" width="9" style="1"/>
  </cols>
  <sheetData>
    <row r="1" spans="2:34" ht="24">
      <c r="B1" s="30" t="s">
        <v>5</v>
      </c>
      <c r="C1" s="30"/>
      <c r="D1" s="30"/>
      <c r="E1" s="30"/>
      <c r="F1" s="30"/>
      <c r="G1" s="30"/>
      <c r="H1" s="30"/>
      <c r="I1" s="30"/>
      <c r="J1" s="30"/>
      <c r="K1" s="30"/>
      <c r="L1" s="30"/>
      <c r="M1" s="30"/>
      <c r="N1" s="30"/>
      <c r="O1" s="30"/>
      <c r="P1" s="30"/>
      <c r="Q1" s="30"/>
      <c r="R1" s="30"/>
      <c r="S1" s="30"/>
      <c r="T1" s="30"/>
      <c r="U1" s="30"/>
      <c r="V1" s="30"/>
      <c r="W1" s="30"/>
      <c r="X1" s="30"/>
      <c r="Y1" s="30"/>
      <c r="Z1" s="30"/>
      <c r="AA1" s="30"/>
      <c r="AB1" s="30"/>
      <c r="AC1" s="30"/>
      <c r="AD1" s="30"/>
    </row>
    <row r="2" spans="2:34" ht="13.5" customHeight="1" thickBot="1">
      <c r="E2" s="14"/>
      <c r="F2" s="14"/>
      <c r="G2" s="14"/>
      <c r="H2" s="14"/>
      <c r="I2" s="14"/>
      <c r="J2" s="14"/>
      <c r="K2" s="14"/>
      <c r="L2" s="14"/>
      <c r="M2" s="14"/>
      <c r="N2" s="14"/>
      <c r="O2" s="14"/>
      <c r="P2" s="14"/>
      <c r="Q2" s="14"/>
      <c r="R2" s="14"/>
      <c r="S2" s="14"/>
      <c r="T2" s="14"/>
      <c r="U2" s="14"/>
      <c r="V2" s="14"/>
      <c r="W2" s="14"/>
      <c r="X2" s="14"/>
      <c r="Y2" s="14"/>
      <c r="Z2" s="14"/>
      <c r="AA2" s="14"/>
    </row>
    <row r="3" spans="2:34" ht="35.25" customHeight="1" thickBot="1">
      <c r="B3" s="31" t="s">
        <v>9</v>
      </c>
      <c r="C3" s="32"/>
      <c r="D3" s="32"/>
      <c r="E3" s="33"/>
      <c r="F3" s="88" t="s">
        <v>19</v>
      </c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  <c r="R3" s="89"/>
      <c r="S3" s="89"/>
      <c r="T3" s="89"/>
      <c r="U3" s="89"/>
      <c r="V3" s="90" t="str">
        <f>IF(AG3="","",VLOOKUP($AG$3,data!$A$2:$C$4,2))</f>
        <v>県大会</v>
      </c>
      <c r="W3" s="90"/>
      <c r="X3" s="90"/>
      <c r="Y3" s="90"/>
      <c r="Z3" s="90"/>
      <c r="AA3" s="90"/>
      <c r="AB3" s="90"/>
      <c r="AC3" s="90"/>
      <c r="AD3" s="91"/>
      <c r="AG3" s="29">
        <v>2</v>
      </c>
      <c r="AH3" s="1" t="s">
        <v>250</v>
      </c>
    </row>
    <row r="4" spans="2:34" ht="35.25" customHeight="1" thickBot="1">
      <c r="B4" s="34" t="s">
        <v>10</v>
      </c>
      <c r="C4" s="35"/>
      <c r="D4" s="35"/>
      <c r="E4" s="36"/>
      <c r="F4" s="92">
        <f>IF(AG3="","",VLOOKUP($AG$3,data!$A$2:$C$4,3))</f>
        <v>44366</v>
      </c>
      <c r="G4" s="93"/>
      <c r="H4" s="93"/>
      <c r="I4" s="93"/>
      <c r="J4" s="93"/>
      <c r="K4" s="93"/>
      <c r="L4" s="93"/>
      <c r="M4" s="93"/>
      <c r="N4" s="93"/>
      <c r="O4" s="93"/>
      <c r="P4" s="93"/>
      <c r="Q4" s="93"/>
      <c r="R4" s="93"/>
      <c r="S4" s="93"/>
      <c r="T4" s="93"/>
      <c r="U4" s="93"/>
      <c r="V4" s="93"/>
      <c r="W4" s="93"/>
      <c r="X4" s="93"/>
      <c r="Y4" s="93"/>
      <c r="Z4" s="93"/>
      <c r="AA4" s="93"/>
      <c r="AB4" s="93"/>
      <c r="AC4" s="93"/>
      <c r="AD4" s="94"/>
    </row>
    <row r="5" spans="2:34" ht="19.5" thickBot="1"/>
    <row r="6" spans="2:34" ht="51" customHeight="1" thickBot="1">
      <c r="B6" s="37" t="s">
        <v>8</v>
      </c>
      <c r="C6" s="38"/>
      <c r="D6" s="38"/>
      <c r="E6" s="38"/>
      <c r="F6" s="39"/>
      <c r="G6" s="40"/>
      <c r="H6" s="40"/>
      <c r="I6" s="40"/>
      <c r="J6" s="40"/>
      <c r="K6" s="41"/>
      <c r="L6" s="42" t="s">
        <v>0</v>
      </c>
      <c r="M6" s="38"/>
      <c r="N6" s="38"/>
      <c r="O6" s="38"/>
      <c r="P6" s="39"/>
      <c r="Q6" s="43"/>
      <c r="R6" s="43"/>
      <c r="S6" s="43"/>
      <c r="T6" s="43"/>
      <c r="U6" s="43"/>
      <c r="V6" s="43"/>
      <c r="W6" s="43"/>
      <c r="X6" s="43"/>
      <c r="Y6" s="43"/>
      <c r="Z6" s="43"/>
      <c r="AA6" s="44" t="s">
        <v>17</v>
      </c>
      <c r="AB6" s="44"/>
      <c r="AC6" s="44"/>
      <c r="AD6" s="45"/>
      <c r="AF6" s="2"/>
    </row>
    <row r="7" spans="2:34" ht="19.5" customHeight="1" thickBot="1">
      <c r="B7" s="15"/>
      <c r="C7" s="15"/>
      <c r="D7" s="15"/>
      <c r="E7" s="15"/>
      <c r="F7" s="6"/>
      <c r="G7" s="6"/>
      <c r="H7" s="6"/>
      <c r="I7" s="6"/>
      <c r="J7" s="15"/>
      <c r="K7" s="15"/>
      <c r="L7" s="15"/>
      <c r="M7" s="15"/>
      <c r="N7" s="6"/>
      <c r="O7" s="6"/>
      <c r="P7" s="6"/>
      <c r="Q7" s="6"/>
      <c r="R7" s="6"/>
      <c r="S7" s="6"/>
      <c r="T7" s="6"/>
      <c r="U7" s="6"/>
      <c r="V7" s="6"/>
      <c r="W7" s="7"/>
      <c r="X7" s="7"/>
      <c r="Y7" s="7"/>
      <c r="Z7" s="7"/>
    </row>
    <row r="8" spans="2:34" ht="15.75" customHeight="1">
      <c r="B8" s="49" t="s">
        <v>11</v>
      </c>
      <c r="C8" s="50"/>
      <c r="D8" s="50"/>
      <c r="E8" s="51"/>
      <c r="F8" s="55" t="s">
        <v>4</v>
      </c>
      <c r="G8" s="56"/>
      <c r="H8" s="56"/>
      <c r="I8" s="56"/>
      <c r="J8" s="57"/>
      <c r="K8" s="58" t="s">
        <v>3</v>
      </c>
      <c r="L8" s="59"/>
      <c r="M8" s="59"/>
      <c r="N8" s="60"/>
      <c r="O8" s="61"/>
      <c r="P8" s="61"/>
      <c r="Q8" s="61"/>
      <c r="R8" s="61"/>
      <c r="S8" s="61"/>
      <c r="T8" s="61"/>
      <c r="U8" s="61"/>
      <c r="V8" s="61"/>
      <c r="W8" s="61"/>
      <c r="X8" s="61"/>
      <c r="Y8" s="61"/>
      <c r="Z8" s="61"/>
      <c r="AA8" s="61"/>
      <c r="AB8" s="61"/>
      <c r="AC8" s="61"/>
      <c r="AD8" s="62"/>
    </row>
    <row r="9" spans="2:34" ht="15.75" customHeight="1">
      <c r="B9" s="52"/>
      <c r="C9" s="53"/>
      <c r="D9" s="53"/>
      <c r="E9" s="54"/>
      <c r="F9" s="63"/>
      <c r="G9" s="64"/>
      <c r="H9" s="64"/>
      <c r="I9" s="67" t="s">
        <v>1</v>
      </c>
      <c r="J9" s="68"/>
      <c r="K9" s="71" t="s">
        <v>2</v>
      </c>
      <c r="L9" s="72"/>
      <c r="M9" s="72"/>
      <c r="N9" s="73"/>
      <c r="O9" s="78"/>
      <c r="P9" s="78"/>
      <c r="Q9" s="78"/>
      <c r="R9" s="78"/>
      <c r="S9" s="78"/>
      <c r="T9" s="78"/>
      <c r="U9" s="78"/>
      <c r="V9" s="78"/>
      <c r="W9" s="78"/>
      <c r="X9" s="78"/>
      <c r="Y9" s="78"/>
      <c r="Z9" s="78"/>
      <c r="AA9" s="78"/>
      <c r="AB9" s="78"/>
      <c r="AC9" s="78"/>
      <c r="AD9" s="79"/>
    </row>
    <row r="10" spans="2:34" ht="15.75" customHeight="1">
      <c r="B10" s="82" t="s">
        <v>12</v>
      </c>
      <c r="C10" s="83"/>
      <c r="D10" s="83"/>
      <c r="E10" s="84"/>
      <c r="F10" s="63"/>
      <c r="G10" s="64"/>
      <c r="H10" s="64"/>
      <c r="I10" s="67"/>
      <c r="J10" s="68"/>
      <c r="K10" s="74"/>
      <c r="L10" s="67"/>
      <c r="M10" s="67"/>
      <c r="N10" s="75"/>
      <c r="O10" s="78"/>
      <c r="P10" s="78"/>
      <c r="Q10" s="78"/>
      <c r="R10" s="78"/>
      <c r="S10" s="78"/>
      <c r="T10" s="78"/>
      <c r="U10" s="78"/>
      <c r="V10" s="78"/>
      <c r="W10" s="78"/>
      <c r="X10" s="78"/>
      <c r="Y10" s="78"/>
      <c r="Z10" s="78"/>
      <c r="AA10" s="78"/>
      <c r="AB10" s="78"/>
      <c r="AC10" s="78"/>
      <c r="AD10" s="79"/>
    </row>
    <row r="11" spans="2:34" ht="15.75" customHeight="1" thickBot="1">
      <c r="B11" s="85"/>
      <c r="C11" s="86"/>
      <c r="D11" s="86"/>
      <c r="E11" s="87"/>
      <c r="F11" s="65"/>
      <c r="G11" s="66"/>
      <c r="H11" s="66"/>
      <c r="I11" s="69"/>
      <c r="J11" s="70"/>
      <c r="K11" s="76"/>
      <c r="L11" s="69"/>
      <c r="M11" s="69"/>
      <c r="N11" s="77"/>
      <c r="O11" s="80"/>
      <c r="P11" s="80"/>
      <c r="Q11" s="80"/>
      <c r="R11" s="80"/>
      <c r="S11" s="80"/>
      <c r="T11" s="80"/>
      <c r="U11" s="80"/>
      <c r="V11" s="80"/>
      <c r="W11" s="80"/>
      <c r="X11" s="80"/>
      <c r="Y11" s="80"/>
      <c r="Z11" s="80"/>
      <c r="AA11" s="80"/>
      <c r="AB11" s="80"/>
      <c r="AC11" s="80"/>
      <c r="AD11" s="81"/>
    </row>
    <row r="12" spans="2:34" s="12" customFormat="1" ht="19.5" thickBot="1">
      <c r="C12" s="12">
        <v>6</v>
      </c>
      <c r="E12" s="13"/>
      <c r="G12" s="12">
        <v>5</v>
      </c>
      <c r="K12" s="12">
        <v>4</v>
      </c>
      <c r="O12" s="12">
        <v>3</v>
      </c>
      <c r="S12" s="12">
        <v>2</v>
      </c>
      <c r="W12" s="12">
        <v>1</v>
      </c>
    </row>
    <row r="13" spans="2:34">
      <c r="B13" s="9" t="s">
        <v>13</v>
      </c>
      <c r="C13" s="46">
        <f>IF($F$4="","　月　 日",$F$4-C12)</f>
        <v>44360</v>
      </c>
      <c r="D13" s="47"/>
      <c r="E13" s="47"/>
      <c r="F13" s="48"/>
      <c r="G13" s="46">
        <f t="shared" ref="G13" si="0">IF($F$4="","　月　 日",$F$4-G12)</f>
        <v>44361</v>
      </c>
      <c r="H13" s="47"/>
      <c r="I13" s="47"/>
      <c r="J13" s="48"/>
      <c r="K13" s="46">
        <f t="shared" ref="K13" si="1">IF($F$4="","　月　 日",$F$4-K12)</f>
        <v>44362</v>
      </c>
      <c r="L13" s="47"/>
      <c r="M13" s="47"/>
      <c r="N13" s="48"/>
      <c r="O13" s="46">
        <f t="shared" ref="O13" si="2">IF($F$4="","　月　 日",$F$4-O12)</f>
        <v>44363</v>
      </c>
      <c r="P13" s="47"/>
      <c r="Q13" s="47"/>
      <c r="R13" s="48"/>
      <c r="S13" s="46">
        <f t="shared" ref="S13" si="3">IF($F$4="","　月　 日",$F$4-S12)</f>
        <v>44364</v>
      </c>
      <c r="T13" s="47"/>
      <c r="U13" s="47"/>
      <c r="V13" s="48"/>
      <c r="W13" s="46">
        <f t="shared" ref="W13" si="4">IF($F$4="","　月　 日",$F$4-W12)</f>
        <v>44365</v>
      </c>
      <c r="X13" s="47"/>
      <c r="Y13" s="47"/>
      <c r="Z13" s="48"/>
      <c r="AA13" s="55" t="s">
        <v>18</v>
      </c>
      <c r="AB13" s="56"/>
      <c r="AC13" s="56"/>
      <c r="AD13" s="95"/>
    </row>
    <row r="14" spans="2:34">
      <c r="B14" s="10" t="s">
        <v>14</v>
      </c>
      <c r="C14" s="78"/>
      <c r="D14" s="78"/>
      <c r="E14" s="78"/>
      <c r="F14" s="3"/>
      <c r="G14" s="78"/>
      <c r="H14" s="78"/>
      <c r="I14" s="78"/>
      <c r="J14" s="3"/>
      <c r="K14" s="78"/>
      <c r="L14" s="78"/>
      <c r="M14" s="78"/>
      <c r="N14" s="3"/>
      <c r="O14" s="78"/>
      <c r="P14" s="78"/>
      <c r="Q14" s="78"/>
      <c r="R14" s="3"/>
      <c r="S14" s="78"/>
      <c r="T14" s="78"/>
      <c r="U14" s="78"/>
      <c r="V14" s="3"/>
      <c r="W14" s="78"/>
      <c r="X14" s="78"/>
      <c r="Y14" s="78"/>
      <c r="Z14" s="3"/>
      <c r="AA14" s="78"/>
      <c r="AB14" s="78"/>
      <c r="AC14" s="78"/>
      <c r="AD14" s="5"/>
    </row>
    <row r="15" spans="2:34">
      <c r="B15" s="10" t="s">
        <v>15</v>
      </c>
      <c r="C15" s="78"/>
      <c r="D15" s="78"/>
      <c r="E15" s="78"/>
      <c r="F15" s="3"/>
      <c r="G15" s="78"/>
      <c r="H15" s="78"/>
      <c r="I15" s="78"/>
      <c r="J15" s="3"/>
      <c r="K15" s="78"/>
      <c r="L15" s="78"/>
      <c r="M15" s="78"/>
      <c r="N15" s="3"/>
      <c r="O15" s="78"/>
      <c r="P15" s="78"/>
      <c r="Q15" s="78"/>
      <c r="R15" s="3"/>
      <c r="S15" s="78"/>
      <c r="T15" s="78"/>
      <c r="U15" s="78"/>
      <c r="V15" s="3"/>
      <c r="W15" s="78"/>
      <c r="X15" s="78"/>
      <c r="Y15" s="78"/>
      <c r="Z15" s="3"/>
      <c r="AA15" s="78"/>
      <c r="AB15" s="78"/>
      <c r="AC15" s="78"/>
      <c r="AD15" s="5"/>
    </row>
    <row r="16" spans="2:34" ht="19.5" thickBot="1">
      <c r="B16" s="11" t="s">
        <v>16</v>
      </c>
      <c r="C16" s="80"/>
      <c r="D16" s="80"/>
      <c r="E16" s="80"/>
      <c r="F16" s="4" t="s">
        <v>7</v>
      </c>
      <c r="G16" s="80"/>
      <c r="H16" s="80"/>
      <c r="I16" s="80"/>
      <c r="J16" s="4" t="s">
        <v>7</v>
      </c>
      <c r="K16" s="80"/>
      <c r="L16" s="80"/>
      <c r="M16" s="80"/>
      <c r="N16" s="4" t="s">
        <v>7</v>
      </c>
      <c r="O16" s="80"/>
      <c r="P16" s="80"/>
      <c r="Q16" s="80"/>
      <c r="R16" s="4" t="s">
        <v>7</v>
      </c>
      <c r="S16" s="80"/>
      <c r="T16" s="80"/>
      <c r="U16" s="80"/>
      <c r="V16" s="4" t="s">
        <v>7</v>
      </c>
      <c r="W16" s="80"/>
      <c r="X16" s="80"/>
      <c r="Y16" s="80"/>
      <c r="Z16" s="4" t="s">
        <v>7</v>
      </c>
      <c r="AA16" s="80"/>
      <c r="AB16" s="80"/>
      <c r="AC16" s="80"/>
      <c r="AD16" s="8" t="s">
        <v>7</v>
      </c>
    </row>
    <row r="18" spans="2:30" ht="24" customHeight="1">
      <c r="B18" s="96" t="s">
        <v>6</v>
      </c>
      <c r="C18" s="96"/>
      <c r="D18" s="96"/>
      <c r="E18" s="96"/>
      <c r="F18" s="96"/>
      <c r="G18" s="96"/>
      <c r="H18" s="96"/>
      <c r="I18" s="96"/>
      <c r="J18" s="96"/>
      <c r="K18" s="96"/>
      <c r="L18" s="96"/>
      <c r="M18" s="96"/>
      <c r="N18" s="96"/>
      <c r="O18" s="96"/>
      <c r="P18" s="96"/>
      <c r="Q18" s="96"/>
      <c r="R18" s="96"/>
      <c r="S18" s="96"/>
      <c r="T18" s="96"/>
      <c r="U18" s="96"/>
      <c r="V18" s="96"/>
      <c r="W18" s="96"/>
      <c r="X18" s="96"/>
      <c r="Y18" s="96"/>
      <c r="Z18" s="96"/>
      <c r="AA18" s="96"/>
      <c r="AB18" s="96"/>
      <c r="AC18" s="96"/>
      <c r="AD18" s="96"/>
    </row>
    <row r="19" spans="2:30" ht="24" customHeight="1">
      <c r="B19" s="97" t="s">
        <v>252</v>
      </c>
      <c r="C19" s="96"/>
      <c r="D19" s="96"/>
      <c r="E19" s="96"/>
      <c r="F19" s="96"/>
      <c r="G19" s="96"/>
      <c r="H19" s="96"/>
      <c r="I19" s="96"/>
      <c r="J19" s="96"/>
      <c r="K19" s="96"/>
      <c r="L19" s="96"/>
      <c r="M19" s="96"/>
      <c r="N19" s="96"/>
      <c r="O19" s="96"/>
      <c r="P19" s="96"/>
      <c r="Q19" s="96"/>
      <c r="R19" s="96"/>
      <c r="S19" s="96"/>
      <c r="T19" s="96"/>
      <c r="U19" s="96"/>
      <c r="V19" s="96"/>
      <c r="W19" s="96"/>
      <c r="X19" s="96"/>
      <c r="Y19" s="96"/>
      <c r="Z19" s="96"/>
      <c r="AA19" s="96"/>
      <c r="AB19" s="96"/>
      <c r="AC19" s="96"/>
      <c r="AD19" s="96"/>
    </row>
    <row r="20" spans="2:30" ht="24" customHeight="1">
      <c r="B20" s="97" t="s">
        <v>251</v>
      </c>
      <c r="C20" s="96"/>
      <c r="D20" s="96"/>
      <c r="E20" s="96"/>
      <c r="F20" s="96"/>
      <c r="G20" s="96"/>
      <c r="H20" s="96"/>
      <c r="I20" s="96"/>
      <c r="J20" s="96"/>
      <c r="K20" s="96"/>
      <c r="L20" s="96"/>
      <c r="M20" s="96"/>
      <c r="N20" s="96"/>
      <c r="O20" s="96"/>
      <c r="P20" s="96"/>
      <c r="Q20" s="96"/>
      <c r="R20" s="96"/>
      <c r="S20" s="96"/>
      <c r="T20" s="96"/>
      <c r="U20" s="96"/>
      <c r="V20" s="96"/>
      <c r="W20" s="96"/>
      <c r="X20" s="96"/>
      <c r="Y20" s="96"/>
      <c r="Z20" s="96"/>
      <c r="AA20" s="96"/>
      <c r="AB20" s="96"/>
      <c r="AC20" s="96"/>
      <c r="AD20" s="96"/>
    </row>
    <row r="21" spans="2:30" ht="10.5" customHeight="1">
      <c r="B21" s="16"/>
      <c r="C21" s="16"/>
      <c r="D21" s="16"/>
      <c r="E21" s="16"/>
      <c r="F21" s="16"/>
      <c r="G21" s="16"/>
      <c r="H21" s="16"/>
      <c r="I21" s="16"/>
      <c r="J21" s="16"/>
      <c r="K21" s="16"/>
      <c r="L21" s="16"/>
      <c r="M21" s="16"/>
      <c r="N21" s="16"/>
      <c r="O21" s="16"/>
      <c r="P21" s="16"/>
      <c r="Q21" s="16"/>
      <c r="R21" s="16"/>
      <c r="S21" s="16"/>
      <c r="T21" s="16"/>
      <c r="U21" s="16"/>
      <c r="V21" s="16"/>
      <c r="W21" s="16"/>
      <c r="X21" s="16"/>
      <c r="Y21" s="16"/>
      <c r="Z21" s="16"/>
      <c r="AA21" s="16"/>
      <c r="AB21" s="16"/>
      <c r="AC21" s="16"/>
      <c r="AD21" s="16"/>
    </row>
    <row r="22" spans="2:30" ht="11.25" customHeight="1"/>
  </sheetData>
  <sheetProtection password="E710" sheet="1" objects="1" scenarios="1"/>
  <mergeCells count="37">
    <mergeCell ref="B19:AD19"/>
    <mergeCell ref="W14:Y16"/>
    <mergeCell ref="AA14:AC16"/>
    <mergeCell ref="B18:AD18"/>
    <mergeCell ref="B20:AD20"/>
    <mergeCell ref="C14:E16"/>
    <mergeCell ref="G14:I16"/>
    <mergeCell ref="K14:M16"/>
    <mergeCell ref="O14:Q16"/>
    <mergeCell ref="S14:U16"/>
    <mergeCell ref="I9:J11"/>
    <mergeCell ref="K9:N11"/>
    <mergeCell ref="O9:AD11"/>
    <mergeCell ref="B10:E11"/>
    <mergeCell ref="C13:F13"/>
    <mergeCell ref="G13:J13"/>
    <mergeCell ref="K13:N13"/>
    <mergeCell ref="O13:R13"/>
    <mergeCell ref="S13:V13"/>
    <mergeCell ref="W13:Z13"/>
    <mergeCell ref="B8:E9"/>
    <mergeCell ref="F8:J8"/>
    <mergeCell ref="K8:N8"/>
    <mergeCell ref="O8:AD8"/>
    <mergeCell ref="F9:H11"/>
    <mergeCell ref="AA13:AD13"/>
    <mergeCell ref="B6:E6"/>
    <mergeCell ref="F6:K6"/>
    <mergeCell ref="L6:O6"/>
    <mergeCell ref="P6:Z6"/>
    <mergeCell ref="AA6:AD6"/>
    <mergeCell ref="B1:AD1"/>
    <mergeCell ref="B3:E3"/>
    <mergeCell ref="F3:U3"/>
    <mergeCell ref="V3:AD3"/>
    <mergeCell ref="B4:E4"/>
    <mergeCell ref="F4:AD4"/>
  </mergeCells>
  <phoneticPr fontId="1"/>
  <dataValidations count="2">
    <dataValidation imeMode="off" allowBlank="1" showInputMessage="1" showErrorMessage="1" sqref="AG3"/>
    <dataValidation type="list" allowBlank="1" showInputMessage="1" showErrorMessage="1" sqref="AA6:AD6">
      <formula1>"高等学校,高等部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59"/>
  <sheetViews>
    <sheetView topLeftCell="A223" workbookViewId="0">
      <selection activeCell="A7" sqref="A7:XFD259"/>
    </sheetView>
  </sheetViews>
  <sheetFormatPr defaultRowHeight="18.75"/>
  <cols>
    <col min="1" max="1" width="6.75" customWidth="1"/>
    <col min="3" max="3" width="10.25" bestFit="1" customWidth="1"/>
  </cols>
  <sheetData>
    <row r="1" spans="1:4" ht="19.5" thickBot="1"/>
    <row r="2" spans="1:4">
      <c r="A2" s="19">
        <v>1</v>
      </c>
      <c r="B2" s="20" t="s">
        <v>20</v>
      </c>
      <c r="C2" s="21">
        <v>44353</v>
      </c>
      <c r="D2" s="18"/>
    </row>
    <row r="3" spans="1:4">
      <c r="A3" s="22">
        <v>2</v>
      </c>
      <c r="B3" s="17" t="s">
        <v>21</v>
      </c>
      <c r="C3" s="23">
        <v>44366</v>
      </c>
    </row>
    <row r="4" spans="1:4" ht="19.5" thickBot="1">
      <c r="A4" s="24">
        <v>3</v>
      </c>
      <c r="B4" s="25" t="s">
        <v>22</v>
      </c>
      <c r="C4" s="26" t="s">
        <v>22</v>
      </c>
    </row>
    <row r="6" spans="1:4" ht="19.5" thickBot="1"/>
    <row r="7" spans="1:4">
      <c r="A7" s="19">
        <v>1001</v>
      </c>
      <c r="B7" s="20" t="s">
        <v>23</v>
      </c>
      <c r="C7" s="27"/>
    </row>
    <row r="8" spans="1:4">
      <c r="A8" s="22">
        <v>1002</v>
      </c>
      <c r="B8" s="17" t="s">
        <v>24</v>
      </c>
      <c r="C8" s="28"/>
    </row>
    <row r="9" spans="1:4">
      <c r="A9" s="22">
        <v>1003</v>
      </c>
      <c r="B9" s="17" t="s">
        <v>25</v>
      </c>
      <c r="C9" s="28"/>
    </row>
    <row r="10" spans="1:4">
      <c r="A10" s="22">
        <v>1004</v>
      </c>
      <c r="B10" s="17" t="s">
        <v>26</v>
      </c>
      <c r="C10" s="28"/>
    </row>
    <row r="11" spans="1:4">
      <c r="A11" s="22">
        <v>1005</v>
      </c>
      <c r="B11" s="17" t="s">
        <v>27</v>
      </c>
      <c r="C11" s="28"/>
    </row>
    <row r="12" spans="1:4">
      <c r="A12" s="22">
        <v>1006</v>
      </c>
      <c r="B12" s="17" t="s">
        <v>28</v>
      </c>
      <c r="C12" s="28"/>
    </row>
    <row r="13" spans="1:4">
      <c r="A13" s="22">
        <v>1007</v>
      </c>
      <c r="B13" s="17" t="s">
        <v>29</v>
      </c>
      <c r="C13" s="28"/>
    </row>
    <row r="14" spans="1:4">
      <c r="A14" s="22">
        <v>1008</v>
      </c>
      <c r="B14" s="17" t="s">
        <v>30</v>
      </c>
      <c r="C14" s="28"/>
    </row>
    <row r="15" spans="1:4">
      <c r="A15" s="22">
        <v>1009</v>
      </c>
      <c r="B15" s="17" t="s">
        <v>31</v>
      </c>
      <c r="C15" s="28"/>
    </row>
    <row r="16" spans="1:4">
      <c r="A16" s="22">
        <v>1010</v>
      </c>
      <c r="B16" s="17" t="s">
        <v>32</v>
      </c>
      <c r="C16" s="28"/>
    </row>
    <row r="17" spans="1:3">
      <c r="A17" s="22">
        <v>1011</v>
      </c>
      <c r="B17" s="17" t="s">
        <v>33</v>
      </c>
      <c r="C17" s="28"/>
    </row>
    <row r="18" spans="1:3">
      <c r="A18" s="22">
        <v>1012</v>
      </c>
      <c r="B18" s="17" t="s">
        <v>34</v>
      </c>
      <c r="C18" s="28"/>
    </row>
    <row r="19" spans="1:3">
      <c r="A19" s="22">
        <v>1013</v>
      </c>
      <c r="B19" s="17" t="s">
        <v>35</v>
      </c>
      <c r="C19" s="28"/>
    </row>
    <row r="20" spans="1:3">
      <c r="A20" s="22">
        <v>1014</v>
      </c>
      <c r="B20" s="17" t="s">
        <v>36</v>
      </c>
      <c r="C20" s="28"/>
    </row>
    <row r="21" spans="1:3">
      <c r="A21" s="22">
        <v>1015</v>
      </c>
      <c r="B21" s="17" t="s">
        <v>37</v>
      </c>
      <c r="C21" s="28"/>
    </row>
    <row r="22" spans="1:3">
      <c r="A22" s="22">
        <v>1016</v>
      </c>
      <c r="B22" s="17" t="s">
        <v>38</v>
      </c>
      <c r="C22" s="28"/>
    </row>
    <row r="23" spans="1:3">
      <c r="A23" s="22">
        <v>1017</v>
      </c>
      <c r="B23" s="17" t="s">
        <v>39</v>
      </c>
      <c r="C23" s="28"/>
    </row>
    <row r="24" spans="1:3">
      <c r="A24" s="22">
        <v>1018</v>
      </c>
      <c r="B24" s="17" t="s">
        <v>232</v>
      </c>
      <c r="C24" s="28"/>
    </row>
    <row r="25" spans="1:3">
      <c r="A25" s="22">
        <v>1019</v>
      </c>
      <c r="B25" s="17" t="s">
        <v>40</v>
      </c>
      <c r="C25" s="28"/>
    </row>
    <row r="26" spans="1:3">
      <c r="A26" s="22">
        <v>1020</v>
      </c>
      <c r="B26" s="17" t="s">
        <v>41</v>
      </c>
      <c r="C26" s="28"/>
    </row>
    <row r="27" spans="1:3">
      <c r="A27" s="22">
        <v>1021</v>
      </c>
      <c r="B27" s="17" t="s">
        <v>42</v>
      </c>
      <c r="C27" s="28"/>
    </row>
    <row r="28" spans="1:3">
      <c r="A28" s="22">
        <v>1022</v>
      </c>
      <c r="B28" s="17" t="s">
        <v>43</v>
      </c>
      <c r="C28" s="28"/>
    </row>
    <row r="29" spans="1:3">
      <c r="A29" s="22">
        <v>1023</v>
      </c>
      <c r="B29" s="17" t="s">
        <v>44</v>
      </c>
      <c r="C29" s="28"/>
    </row>
    <row r="30" spans="1:3">
      <c r="A30" s="22">
        <v>1024</v>
      </c>
      <c r="B30" s="17" t="s">
        <v>45</v>
      </c>
      <c r="C30" s="28"/>
    </row>
    <row r="31" spans="1:3">
      <c r="A31" s="22">
        <v>1025</v>
      </c>
      <c r="B31" s="17" t="s">
        <v>46</v>
      </c>
      <c r="C31" s="28"/>
    </row>
    <row r="32" spans="1:3">
      <c r="A32" s="22">
        <v>1026</v>
      </c>
      <c r="B32" s="17" t="s">
        <v>47</v>
      </c>
      <c r="C32" s="28"/>
    </row>
    <row r="33" spans="1:3">
      <c r="A33" s="22">
        <v>1027</v>
      </c>
      <c r="B33" s="17" t="s">
        <v>48</v>
      </c>
      <c r="C33" s="28"/>
    </row>
    <row r="34" spans="1:3">
      <c r="A34" s="22">
        <v>1028</v>
      </c>
      <c r="B34" s="17" t="s">
        <v>49</v>
      </c>
      <c r="C34" s="28"/>
    </row>
    <row r="35" spans="1:3">
      <c r="A35" s="22">
        <v>1029</v>
      </c>
      <c r="B35" s="17" t="s">
        <v>50</v>
      </c>
      <c r="C35" s="28"/>
    </row>
    <row r="36" spans="1:3">
      <c r="A36" s="22">
        <v>1030</v>
      </c>
      <c r="B36" s="17" t="s">
        <v>51</v>
      </c>
      <c r="C36" s="28"/>
    </row>
    <row r="37" spans="1:3">
      <c r="A37" s="22">
        <v>1031</v>
      </c>
      <c r="B37" s="17" t="s">
        <v>52</v>
      </c>
      <c r="C37" s="28"/>
    </row>
    <row r="38" spans="1:3">
      <c r="A38" s="22">
        <v>1032</v>
      </c>
      <c r="B38" s="17" t="s">
        <v>53</v>
      </c>
      <c r="C38" s="28"/>
    </row>
    <row r="39" spans="1:3">
      <c r="A39" s="22">
        <v>1033</v>
      </c>
      <c r="B39" s="17" t="s">
        <v>54</v>
      </c>
      <c r="C39" s="28"/>
    </row>
    <row r="40" spans="1:3">
      <c r="A40" s="22">
        <v>1034</v>
      </c>
      <c r="B40" s="17" t="s">
        <v>55</v>
      </c>
      <c r="C40" s="28"/>
    </row>
    <row r="41" spans="1:3">
      <c r="A41" s="22">
        <v>1035</v>
      </c>
      <c r="B41" s="17"/>
      <c r="C41" s="28"/>
    </row>
    <row r="42" spans="1:3">
      <c r="A42" s="22">
        <v>1036</v>
      </c>
      <c r="B42" s="17"/>
      <c r="C42" s="28"/>
    </row>
    <row r="43" spans="1:3">
      <c r="A43" s="22">
        <v>1037</v>
      </c>
      <c r="B43" s="17" t="s">
        <v>56</v>
      </c>
      <c r="C43" s="28"/>
    </row>
    <row r="44" spans="1:3">
      <c r="A44" s="22">
        <v>1038</v>
      </c>
      <c r="B44" s="17" t="s">
        <v>233</v>
      </c>
      <c r="C44" s="28"/>
    </row>
    <row r="45" spans="1:3">
      <c r="A45" s="22">
        <v>1039</v>
      </c>
      <c r="B45" s="17" t="s">
        <v>57</v>
      </c>
      <c r="C45" s="28"/>
    </row>
    <row r="46" spans="1:3">
      <c r="A46" s="22">
        <v>1040</v>
      </c>
      <c r="B46" s="17"/>
      <c r="C46" s="28"/>
    </row>
    <row r="47" spans="1:3">
      <c r="A47" s="22">
        <v>1041</v>
      </c>
      <c r="B47" s="17"/>
      <c r="C47" s="28"/>
    </row>
    <row r="48" spans="1:3">
      <c r="A48" s="22">
        <v>1042</v>
      </c>
      <c r="B48" s="17"/>
      <c r="C48" s="28"/>
    </row>
    <row r="49" spans="1:3">
      <c r="A49" s="22">
        <v>1043</v>
      </c>
      <c r="B49" s="17"/>
      <c r="C49" s="28"/>
    </row>
    <row r="50" spans="1:3">
      <c r="A50" s="22">
        <v>1044</v>
      </c>
      <c r="B50" s="17" t="s">
        <v>234</v>
      </c>
      <c r="C50" s="28"/>
    </row>
    <row r="51" spans="1:3">
      <c r="A51" s="22">
        <v>1045</v>
      </c>
      <c r="B51" s="17" t="s">
        <v>58</v>
      </c>
      <c r="C51" s="28"/>
    </row>
    <row r="52" spans="1:3">
      <c r="A52" s="22">
        <v>1046</v>
      </c>
      <c r="B52" s="17"/>
      <c r="C52" s="28"/>
    </row>
    <row r="53" spans="1:3">
      <c r="A53" s="22">
        <v>1047</v>
      </c>
      <c r="B53" s="17" t="s">
        <v>59</v>
      </c>
      <c r="C53" s="28"/>
    </row>
    <row r="54" spans="1:3">
      <c r="A54" s="22">
        <v>1048</v>
      </c>
      <c r="B54" s="17" t="s">
        <v>60</v>
      </c>
      <c r="C54" s="28"/>
    </row>
    <row r="55" spans="1:3">
      <c r="A55" s="22">
        <v>1049</v>
      </c>
      <c r="B55" s="17" t="s">
        <v>235</v>
      </c>
      <c r="C55" s="28"/>
    </row>
    <row r="56" spans="1:3">
      <c r="A56" s="22">
        <v>1050</v>
      </c>
      <c r="B56" s="17" t="s">
        <v>236</v>
      </c>
      <c r="C56" s="28"/>
    </row>
    <row r="57" spans="1:3">
      <c r="A57" s="22">
        <v>1051</v>
      </c>
      <c r="B57" s="17" t="s">
        <v>61</v>
      </c>
      <c r="C57" s="28"/>
    </row>
    <row r="58" spans="1:3">
      <c r="A58" s="22">
        <v>1052</v>
      </c>
      <c r="B58" s="17"/>
      <c r="C58" s="28"/>
    </row>
    <row r="59" spans="1:3">
      <c r="A59" s="22">
        <v>1053</v>
      </c>
      <c r="B59" s="17"/>
      <c r="C59" s="28"/>
    </row>
    <row r="60" spans="1:3">
      <c r="A60" s="22">
        <v>1054</v>
      </c>
      <c r="B60" s="17" t="s">
        <v>237</v>
      </c>
      <c r="C60" s="28"/>
    </row>
    <row r="61" spans="1:3">
      <c r="A61" s="22">
        <v>1055</v>
      </c>
      <c r="B61" s="17" t="s">
        <v>62</v>
      </c>
      <c r="C61" s="28"/>
    </row>
    <row r="62" spans="1:3">
      <c r="A62" s="22">
        <v>1056</v>
      </c>
      <c r="B62" s="17" t="s">
        <v>63</v>
      </c>
      <c r="C62" s="28"/>
    </row>
    <row r="63" spans="1:3">
      <c r="A63" s="22">
        <v>1101</v>
      </c>
      <c r="B63" s="17" t="s">
        <v>64</v>
      </c>
      <c r="C63" s="28"/>
    </row>
    <row r="64" spans="1:3">
      <c r="A64" s="22">
        <v>1102</v>
      </c>
      <c r="B64" s="17" t="s">
        <v>65</v>
      </c>
      <c r="C64" s="28"/>
    </row>
    <row r="65" spans="1:3">
      <c r="A65" s="22">
        <v>1103</v>
      </c>
      <c r="B65" s="17" t="s">
        <v>66</v>
      </c>
      <c r="C65" s="28"/>
    </row>
    <row r="66" spans="1:3">
      <c r="A66" s="22">
        <v>1104</v>
      </c>
      <c r="B66" s="17" t="s">
        <v>67</v>
      </c>
      <c r="C66" s="28"/>
    </row>
    <row r="67" spans="1:3">
      <c r="A67" s="22">
        <v>1105</v>
      </c>
      <c r="B67" s="17" t="s">
        <v>68</v>
      </c>
      <c r="C67" s="28"/>
    </row>
    <row r="68" spans="1:3">
      <c r="A68" s="22">
        <v>1106</v>
      </c>
      <c r="B68" s="17" t="s">
        <v>69</v>
      </c>
      <c r="C68" s="28"/>
    </row>
    <row r="69" spans="1:3">
      <c r="A69" s="22">
        <v>1107</v>
      </c>
      <c r="B69" s="17" t="s">
        <v>70</v>
      </c>
      <c r="C69" s="28"/>
    </row>
    <row r="70" spans="1:3">
      <c r="A70" s="22">
        <v>1108</v>
      </c>
      <c r="B70" s="17" t="s">
        <v>71</v>
      </c>
      <c r="C70" s="28"/>
    </row>
    <row r="71" spans="1:3">
      <c r="A71" s="22">
        <v>1109</v>
      </c>
      <c r="B71" s="17" t="s">
        <v>72</v>
      </c>
      <c r="C71" s="28"/>
    </row>
    <row r="72" spans="1:3">
      <c r="A72" s="22">
        <v>1110</v>
      </c>
      <c r="B72" s="17" t="s">
        <v>73</v>
      </c>
      <c r="C72" s="28"/>
    </row>
    <row r="73" spans="1:3">
      <c r="A73" s="22">
        <v>1111</v>
      </c>
      <c r="B73" s="17" t="s">
        <v>74</v>
      </c>
      <c r="C73" s="28"/>
    </row>
    <row r="74" spans="1:3">
      <c r="A74" s="22">
        <v>1112</v>
      </c>
      <c r="B74" s="17" t="s">
        <v>75</v>
      </c>
      <c r="C74" s="28"/>
    </row>
    <row r="75" spans="1:3">
      <c r="A75" s="22">
        <v>1113</v>
      </c>
      <c r="B75" s="17" t="s">
        <v>76</v>
      </c>
      <c r="C75" s="28"/>
    </row>
    <row r="76" spans="1:3">
      <c r="A76" s="22">
        <v>1114</v>
      </c>
      <c r="B76" s="17" t="s">
        <v>77</v>
      </c>
      <c r="C76" s="28"/>
    </row>
    <row r="77" spans="1:3">
      <c r="A77" s="22">
        <v>1115</v>
      </c>
      <c r="B77" s="17" t="s">
        <v>78</v>
      </c>
      <c r="C77" s="28"/>
    </row>
    <row r="78" spans="1:3">
      <c r="A78" s="22">
        <v>1116</v>
      </c>
      <c r="B78" s="17"/>
      <c r="C78" s="28"/>
    </row>
    <row r="79" spans="1:3">
      <c r="A79" s="22">
        <v>1200</v>
      </c>
      <c r="B79" s="17" t="s">
        <v>79</v>
      </c>
      <c r="C79" s="28"/>
    </row>
    <row r="80" spans="1:3">
      <c r="A80" s="22">
        <v>2001</v>
      </c>
      <c r="B80" s="17" t="s">
        <v>80</v>
      </c>
      <c r="C80" s="28"/>
    </row>
    <row r="81" spans="1:3">
      <c r="A81" s="22">
        <v>2002</v>
      </c>
      <c r="B81" s="17" t="s">
        <v>81</v>
      </c>
      <c r="C81" s="28"/>
    </row>
    <row r="82" spans="1:3">
      <c r="A82" s="22">
        <v>2003</v>
      </c>
      <c r="B82" s="17" t="s">
        <v>82</v>
      </c>
      <c r="C82" s="28"/>
    </row>
    <row r="83" spans="1:3">
      <c r="A83" s="22">
        <v>2004</v>
      </c>
      <c r="B83" s="17" t="s">
        <v>83</v>
      </c>
      <c r="C83" s="28"/>
    </row>
    <row r="84" spans="1:3">
      <c r="A84" s="22">
        <v>2005</v>
      </c>
      <c r="B84" s="17" t="s">
        <v>84</v>
      </c>
      <c r="C84" s="28"/>
    </row>
    <row r="85" spans="1:3">
      <c r="A85" s="22">
        <v>2006</v>
      </c>
      <c r="B85" s="17"/>
      <c r="C85" s="28"/>
    </row>
    <row r="86" spans="1:3">
      <c r="A86" s="22">
        <v>2007</v>
      </c>
      <c r="B86" s="17"/>
      <c r="C86" s="28"/>
    </row>
    <row r="87" spans="1:3">
      <c r="A87" s="22">
        <v>2008</v>
      </c>
      <c r="B87" s="17" t="s">
        <v>238</v>
      </c>
      <c r="C87" s="28"/>
    </row>
    <row r="88" spans="1:3">
      <c r="A88" s="22">
        <v>2009</v>
      </c>
      <c r="B88" s="17" t="s">
        <v>85</v>
      </c>
      <c r="C88" s="28"/>
    </row>
    <row r="89" spans="1:3">
      <c r="A89" s="22">
        <v>2010</v>
      </c>
      <c r="B89" s="17" t="s">
        <v>86</v>
      </c>
      <c r="C89" s="28"/>
    </row>
    <row r="90" spans="1:3">
      <c r="A90" s="22">
        <v>2011</v>
      </c>
      <c r="B90" s="17" t="s">
        <v>87</v>
      </c>
      <c r="C90" s="28"/>
    </row>
    <row r="91" spans="1:3">
      <c r="A91" s="22">
        <v>2012</v>
      </c>
      <c r="B91" s="17" t="s">
        <v>88</v>
      </c>
      <c r="C91" s="28"/>
    </row>
    <row r="92" spans="1:3">
      <c r="A92" s="22">
        <v>2013</v>
      </c>
      <c r="B92" s="17" t="s">
        <v>89</v>
      </c>
      <c r="C92" s="28"/>
    </row>
    <row r="93" spans="1:3">
      <c r="A93" s="22">
        <v>2014</v>
      </c>
      <c r="B93" s="17" t="s">
        <v>90</v>
      </c>
      <c r="C93" s="28"/>
    </row>
    <row r="94" spans="1:3">
      <c r="A94" s="22">
        <v>2015</v>
      </c>
      <c r="B94" s="17" t="s">
        <v>91</v>
      </c>
      <c r="C94" s="28"/>
    </row>
    <row r="95" spans="1:3">
      <c r="A95" s="22">
        <v>2016</v>
      </c>
      <c r="B95" s="17" t="s">
        <v>92</v>
      </c>
      <c r="C95" s="28"/>
    </row>
    <row r="96" spans="1:3">
      <c r="A96" s="22">
        <v>2017</v>
      </c>
      <c r="B96" s="17" t="s">
        <v>93</v>
      </c>
      <c r="C96" s="28"/>
    </row>
    <row r="97" spans="1:3">
      <c r="A97" s="22">
        <v>2018</v>
      </c>
      <c r="B97" s="17" t="s">
        <v>94</v>
      </c>
      <c r="C97" s="28"/>
    </row>
    <row r="98" spans="1:3">
      <c r="A98" s="22">
        <v>2019</v>
      </c>
      <c r="B98" s="17" t="s">
        <v>95</v>
      </c>
      <c r="C98" s="28"/>
    </row>
    <row r="99" spans="1:3">
      <c r="A99" s="22">
        <v>2020</v>
      </c>
      <c r="B99" s="17" t="s">
        <v>96</v>
      </c>
      <c r="C99" s="28"/>
    </row>
    <row r="100" spans="1:3">
      <c r="A100" s="22">
        <v>2021</v>
      </c>
      <c r="B100" s="17" t="s">
        <v>97</v>
      </c>
      <c r="C100" s="28"/>
    </row>
    <row r="101" spans="1:3">
      <c r="A101" s="22">
        <v>2022</v>
      </c>
      <c r="B101" s="17" t="s">
        <v>98</v>
      </c>
      <c r="C101" s="28"/>
    </row>
    <row r="102" spans="1:3">
      <c r="A102" s="22">
        <v>2023</v>
      </c>
      <c r="B102" s="17" t="s">
        <v>99</v>
      </c>
      <c r="C102" s="28"/>
    </row>
    <row r="103" spans="1:3">
      <c r="A103" s="22">
        <v>2024</v>
      </c>
      <c r="B103" s="17" t="s">
        <v>100</v>
      </c>
      <c r="C103" s="28"/>
    </row>
    <row r="104" spans="1:3">
      <c r="A104" s="22">
        <v>2025</v>
      </c>
      <c r="B104" s="17" t="s">
        <v>101</v>
      </c>
      <c r="C104" s="28"/>
    </row>
    <row r="105" spans="1:3">
      <c r="A105" s="22">
        <v>2026</v>
      </c>
      <c r="B105" s="17" t="s">
        <v>102</v>
      </c>
      <c r="C105" s="28"/>
    </row>
    <row r="106" spans="1:3">
      <c r="A106" s="22">
        <v>2027</v>
      </c>
      <c r="B106" s="17" t="s">
        <v>239</v>
      </c>
      <c r="C106" s="28"/>
    </row>
    <row r="107" spans="1:3">
      <c r="A107" s="22">
        <v>2028</v>
      </c>
      <c r="B107" s="17" t="s">
        <v>103</v>
      </c>
      <c r="C107" s="28"/>
    </row>
    <row r="108" spans="1:3">
      <c r="A108" s="22">
        <v>2029</v>
      </c>
      <c r="B108" s="17"/>
      <c r="C108" s="28"/>
    </row>
    <row r="109" spans="1:3">
      <c r="A109" s="22">
        <v>2030</v>
      </c>
      <c r="B109" s="17" t="s">
        <v>104</v>
      </c>
      <c r="C109" s="28"/>
    </row>
    <row r="110" spans="1:3">
      <c r="A110" s="22">
        <v>2031</v>
      </c>
      <c r="B110" s="17"/>
      <c r="C110" s="28"/>
    </row>
    <row r="111" spans="1:3">
      <c r="A111" s="22">
        <v>2032</v>
      </c>
      <c r="B111" s="17"/>
      <c r="C111" s="28"/>
    </row>
    <row r="112" spans="1:3">
      <c r="A112" s="22">
        <v>2033</v>
      </c>
      <c r="B112" s="17" t="s">
        <v>105</v>
      </c>
      <c r="C112" s="28"/>
    </row>
    <row r="113" spans="1:3">
      <c r="A113" s="22">
        <v>2034</v>
      </c>
      <c r="B113" s="17"/>
      <c r="C113" s="28"/>
    </row>
    <row r="114" spans="1:3">
      <c r="A114" s="22">
        <v>2035</v>
      </c>
      <c r="B114" s="17" t="s">
        <v>106</v>
      </c>
      <c r="C114" s="28"/>
    </row>
    <row r="115" spans="1:3">
      <c r="A115" s="22">
        <v>2036</v>
      </c>
      <c r="B115" s="17"/>
      <c r="C115" s="28"/>
    </row>
    <row r="116" spans="1:3">
      <c r="A116" s="22">
        <v>2037</v>
      </c>
      <c r="B116" s="17" t="s">
        <v>107</v>
      </c>
      <c r="C116" s="28"/>
    </row>
    <row r="117" spans="1:3">
      <c r="A117" s="22">
        <v>2038</v>
      </c>
      <c r="B117" s="17"/>
      <c r="C117" s="28"/>
    </row>
    <row r="118" spans="1:3">
      <c r="A118" s="22">
        <v>2039</v>
      </c>
      <c r="B118" s="17" t="s">
        <v>108</v>
      </c>
      <c r="C118" s="28"/>
    </row>
    <row r="119" spans="1:3">
      <c r="A119" s="22">
        <v>2040</v>
      </c>
      <c r="B119" s="17" t="s">
        <v>109</v>
      </c>
      <c r="C119" s="28"/>
    </row>
    <row r="120" spans="1:3">
      <c r="A120" s="22">
        <v>2041</v>
      </c>
      <c r="B120" s="17" t="s">
        <v>110</v>
      </c>
      <c r="C120" s="28"/>
    </row>
    <row r="121" spans="1:3">
      <c r="A121" s="22">
        <v>2042</v>
      </c>
      <c r="B121" s="17" t="s">
        <v>111</v>
      </c>
      <c r="C121" s="28"/>
    </row>
    <row r="122" spans="1:3">
      <c r="A122" s="22">
        <v>2043</v>
      </c>
      <c r="B122" s="17" t="s">
        <v>112</v>
      </c>
      <c r="C122" s="28"/>
    </row>
    <row r="123" spans="1:3">
      <c r="A123" s="22">
        <v>2044</v>
      </c>
      <c r="B123" s="17" t="s">
        <v>113</v>
      </c>
      <c r="C123" s="28"/>
    </row>
    <row r="124" spans="1:3">
      <c r="A124" s="22">
        <v>2101</v>
      </c>
      <c r="B124" s="17" t="s">
        <v>114</v>
      </c>
      <c r="C124" s="28"/>
    </row>
    <row r="125" spans="1:3">
      <c r="A125" s="22">
        <v>2102</v>
      </c>
      <c r="B125" s="17" t="s">
        <v>115</v>
      </c>
      <c r="C125" s="28"/>
    </row>
    <row r="126" spans="1:3">
      <c r="A126" s="22">
        <v>2103</v>
      </c>
      <c r="B126" s="17" t="s">
        <v>116</v>
      </c>
      <c r="C126" s="28"/>
    </row>
    <row r="127" spans="1:3">
      <c r="A127" s="22">
        <v>2104</v>
      </c>
      <c r="B127" s="17" t="s">
        <v>117</v>
      </c>
      <c r="C127" s="28"/>
    </row>
    <row r="128" spans="1:3">
      <c r="A128" s="22">
        <v>2105</v>
      </c>
      <c r="B128" s="17" t="s">
        <v>118</v>
      </c>
      <c r="C128" s="28"/>
    </row>
    <row r="129" spans="1:3">
      <c r="A129" s="22">
        <v>2106</v>
      </c>
      <c r="B129" s="17" t="s">
        <v>119</v>
      </c>
      <c r="C129" s="28"/>
    </row>
    <row r="130" spans="1:3">
      <c r="A130" s="22">
        <v>2107</v>
      </c>
      <c r="B130" s="17" t="s">
        <v>120</v>
      </c>
      <c r="C130" s="28"/>
    </row>
    <row r="131" spans="1:3">
      <c r="A131" s="22">
        <v>2108</v>
      </c>
      <c r="B131" s="17" t="s">
        <v>121</v>
      </c>
      <c r="C131" s="28"/>
    </row>
    <row r="132" spans="1:3">
      <c r="A132" s="22">
        <v>2109</v>
      </c>
      <c r="B132" s="17" t="s">
        <v>122</v>
      </c>
      <c r="C132" s="28"/>
    </row>
    <row r="133" spans="1:3">
      <c r="A133" s="22">
        <v>2110</v>
      </c>
      <c r="B133" s="17" t="s">
        <v>123</v>
      </c>
      <c r="C133" s="28"/>
    </row>
    <row r="134" spans="1:3">
      <c r="A134" s="22">
        <v>2111</v>
      </c>
      <c r="B134" s="17" t="s">
        <v>124</v>
      </c>
      <c r="C134" s="28"/>
    </row>
    <row r="135" spans="1:3">
      <c r="A135" s="22">
        <v>2112</v>
      </c>
      <c r="B135" s="17" t="s">
        <v>125</v>
      </c>
      <c r="C135" s="28"/>
    </row>
    <row r="136" spans="1:3">
      <c r="A136" s="22">
        <v>2113</v>
      </c>
      <c r="B136" s="17" t="s">
        <v>126</v>
      </c>
      <c r="C136" s="28"/>
    </row>
    <row r="137" spans="1:3">
      <c r="A137" s="22">
        <v>2114</v>
      </c>
      <c r="B137" s="17" t="s">
        <v>127</v>
      </c>
      <c r="C137" s="28"/>
    </row>
    <row r="138" spans="1:3">
      <c r="A138" s="22">
        <v>2115</v>
      </c>
      <c r="B138" s="17" t="s">
        <v>128</v>
      </c>
      <c r="C138" s="28"/>
    </row>
    <row r="139" spans="1:3">
      <c r="A139" s="22">
        <v>2116</v>
      </c>
      <c r="B139" s="17" t="s">
        <v>129</v>
      </c>
      <c r="C139" s="28"/>
    </row>
    <row r="140" spans="1:3">
      <c r="A140" s="22">
        <v>2117</v>
      </c>
      <c r="B140" s="17" t="s">
        <v>240</v>
      </c>
      <c r="C140" s="28"/>
    </row>
    <row r="141" spans="1:3">
      <c r="A141" s="22">
        <v>2118</v>
      </c>
      <c r="B141" s="17" t="s">
        <v>130</v>
      </c>
      <c r="C141" s="28"/>
    </row>
    <row r="142" spans="1:3">
      <c r="A142" s="22">
        <v>2119</v>
      </c>
      <c r="B142" s="17" t="s">
        <v>131</v>
      </c>
      <c r="C142" s="28"/>
    </row>
    <row r="143" spans="1:3">
      <c r="A143" s="22">
        <v>2120</v>
      </c>
      <c r="B143" s="17" t="s">
        <v>132</v>
      </c>
      <c r="C143" s="28"/>
    </row>
    <row r="144" spans="1:3">
      <c r="A144" s="22">
        <v>2121</v>
      </c>
      <c r="B144" s="17" t="s">
        <v>133</v>
      </c>
      <c r="C144" s="28"/>
    </row>
    <row r="145" spans="1:3">
      <c r="A145" s="22">
        <v>2122</v>
      </c>
      <c r="B145" s="17" t="s">
        <v>134</v>
      </c>
      <c r="C145" s="28"/>
    </row>
    <row r="146" spans="1:3">
      <c r="A146" s="22">
        <v>2123</v>
      </c>
      <c r="B146" s="17" t="s">
        <v>241</v>
      </c>
      <c r="C146" s="28"/>
    </row>
    <row r="147" spans="1:3">
      <c r="A147" s="22">
        <v>2124</v>
      </c>
      <c r="B147" s="17" t="s">
        <v>242</v>
      </c>
      <c r="C147" s="28"/>
    </row>
    <row r="148" spans="1:3">
      <c r="A148" s="22">
        <v>2125</v>
      </c>
      <c r="B148" s="17" t="s">
        <v>135</v>
      </c>
      <c r="C148" s="28"/>
    </row>
    <row r="149" spans="1:3">
      <c r="A149" s="22">
        <v>2126</v>
      </c>
      <c r="B149" s="17" t="s">
        <v>136</v>
      </c>
      <c r="C149" s="28"/>
    </row>
    <row r="150" spans="1:3">
      <c r="A150" s="22">
        <v>2200</v>
      </c>
      <c r="B150" s="17" t="s">
        <v>137</v>
      </c>
      <c r="C150" s="28"/>
    </row>
    <row r="151" spans="1:3">
      <c r="A151" s="22">
        <v>3001</v>
      </c>
      <c r="B151" s="17" t="s">
        <v>138</v>
      </c>
      <c r="C151" s="28"/>
    </row>
    <row r="152" spans="1:3">
      <c r="A152" s="22">
        <v>3002</v>
      </c>
      <c r="B152" s="17" t="s">
        <v>139</v>
      </c>
      <c r="C152" s="28"/>
    </row>
    <row r="153" spans="1:3">
      <c r="A153" s="22">
        <v>3003</v>
      </c>
      <c r="B153" s="17" t="s">
        <v>140</v>
      </c>
      <c r="C153" s="28"/>
    </row>
    <row r="154" spans="1:3">
      <c r="A154" s="22">
        <v>3004</v>
      </c>
      <c r="B154" s="17" t="s">
        <v>141</v>
      </c>
      <c r="C154" s="28"/>
    </row>
    <row r="155" spans="1:3">
      <c r="A155" s="22">
        <v>3005</v>
      </c>
      <c r="B155" s="17" t="s">
        <v>142</v>
      </c>
      <c r="C155" s="28"/>
    </row>
    <row r="156" spans="1:3">
      <c r="A156" s="22">
        <v>3006</v>
      </c>
      <c r="B156" s="17" t="s">
        <v>143</v>
      </c>
      <c r="C156" s="28"/>
    </row>
    <row r="157" spans="1:3">
      <c r="A157" s="22">
        <v>3007</v>
      </c>
      <c r="B157" s="17" t="s">
        <v>144</v>
      </c>
      <c r="C157" s="28"/>
    </row>
    <row r="158" spans="1:3">
      <c r="A158" s="22">
        <v>3008</v>
      </c>
      <c r="B158" s="17" t="s">
        <v>145</v>
      </c>
      <c r="C158" s="28"/>
    </row>
    <row r="159" spans="1:3">
      <c r="A159" s="22">
        <v>3009</v>
      </c>
      <c r="B159" s="17" t="s">
        <v>146</v>
      </c>
      <c r="C159" s="28"/>
    </row>
    <row r="160" spans="1:3">
      <c r="A160" s="22">
        <v>3010</v>
      </c>
      <c r="B160" s="17" t="s">
        <v>147</v>
      </c>
      <c r="C160" s="28"/>
    </row>
    <row r="161" spans="1:3">
      <c r="A161" s="22">
        <v>3011</v>
      </c>
      <c r="B161" s="17" t="s">
        <v>148</v>
      </c>
      <c r="C161" s="28"/>
    </row>
    <row r="162" spans="1:3">
      <c r="A162" s="22">
        <v>3012</v>
      </c>
      <c r="B162" s="17" t="s">
        <v>149</v>
      </c>
      <c r="C162" s="28"/>
    </row>
    <row r="163" spans="1:3">
      <c r="A163" s="22">
        <v>3013</v>
      </c>
      <c r="B163" s="17" t="s">
        <v>150</v>
      </c>
      <c r="C163" s="28"/>
    </row>
    <row r="164" spans="1:3">
      <c r="A164" s="22">
        <v>3014</v>
      </c>
      <c r="B164" s="17" t="s">
        <v>151</v>
      </c>
      <c r="C164" s="28"/>
    </row>
    <row r="165" spans="1:3">
      <c r="A165" s="22">
        <v>3015</v>
      </c>
      <c r="B165" s="17" t="s">
        <v>152</v>
      </c>
      <c r="C165" s="28"/>
    </row>
    <row r="166" spans="1:3">
      <c r="A166" s="22">
        <v>3016</v>
      </c>
      <c r="B166" s="17" t="s">
        <v>153</v>
      </c>
      <c r="C166" s="28"/>
    </row>
    <row r="167" spans="1:3">
      <c r="A167" s="22">
        <v>3017</v>
      </c>
      <c r="B167" s="17" t="s">
        <v>154</v>
      </c>
      <c r="C167" s="28"/>
    </row>
    <row r="168" spans="1:3">
      <c r="A168" s="22">
        <v>3018</v>
      </c>
      <c r="B168" s="17" t="s">
        <v>155</v>
      </c>
      <c r="C168" s="28"/>
    </row>
    <row r="169" spans="1:3">
      <c r="A169" s="22">
        <v>3019</v>
      </c>
      <c r="B169" s="17" t="s">
        <v>156</v>
      </c>
      <c r="C169" s="28"/>
    </row>
    <row r="170" spans="1:3">
      <c r="A170" s="22">
        <v>3020</v>
      </c>
      <c r="B170" s="17" t="s">
        <v>157</v>
      </c>
      <c r="C170" s="28"/>
    </row>
    <row r="171" spans="1:3">
      <c r="A171" s="22">
        <v>3021</v>
      </c>
      <c r="B171" s="17" t="s">
        <v>158</v>
      </c>
      <c r="C171" s="28"/>
    </row>
    <row r="172" spans="1:3">
      <c r="A172" s="22">
        <v>3022</v>
      </c>
      <c r="B172" s="17" t="s">
        <v>159</v>
      </c>
      <c r="C172" s="28"/>
    </row>
    <row r="173" spans="1:3">
      <c r="A173" s="22">
        <v>3023</v>
      </c>
      <c r="B173" s="17" t="s">
        <v>160</v>
      </c>
      <c r="C173" s="28"/>
    </row>
    <row r="174" spans="1:3">
      <c r="A174" s="22">
        <v>3024</v>
      </c>
      <c r="B174" s="17" t="s">
        <v>161</v>
      </c>
      <c r="C174" s="28"/>
    </row>
    <row r="175" spans="1:3">
      <c r="A175" s="22">
        <v>3025</v>
      </c>
      <c r="B175" s="17" t="s">
        <v>162</v>
      </c>
      <c r="C175" s="28"/>
    </row>
    <row r="176" spans="1:3">
      <c r="A176" s="22">
        <v>3026</v>
      </c>
      <c r="B176" s="17" t="s">
        <v>163</v>
      </c>
      <c r="C176" s="28"/>
    </row>
    <row r="177" spans="1:3">
      <c r="A177" s="22">
        <v>3027</v>
      </c>
      <c r="B177" s="17" t="s">
        <v>164</v>
      </c>
      <c r="C177" s="28"/>
    </row>
    <row r="178" spans="1:3">
      <c r="A178" s="22">
        <v>3028</v>
      </c>
      <c r="B178" s="17" t="s">
        <v>243</v>
      </c>
      <c r="C178" s="28"/>
    </row>
    <row r="179" spans="1:3">
      <c r="A179" s="22">
        <v>3029</v>
      </c>
      <c r="B179" s="17" t="s">
        <v>165</v>
      </c>
      <c r="C179" s="28"/>
    </row>
    <row r="180" spans="1:3">
      <c r="A180" s="22">
        <v>3030</v>
      </c>
      <c r="B180" s="17" t="s">
        <v>166</v>
      </c>
      <c r="C180" s="28"/>
    </row>
    <row r="181" spans="1:3">
      <c r="A181" s="22">
        <v>3031</v>
      </c>
      <c r="B181" s="17"/>
      <c r="C181" s="28"/>
    </row>
    <row r="182" spans="1:3">
      <c r="A182" s="22">
        <v>3032</v>
      </c>
      <c r="B182" s="17"/>
      <c r="C182" s="28"/>
    </row>
    <row r="183" spans="1:3">
      <c r="A183" s="22">
        <v>3033</v>
      </c>
      <c r="B183" s="17" t="s">
        <v>167</v>
      </c>
      <c r="C183" s="28"/>
    </row>
    <row r="184" spans="1:3">
      <c r="A184" s="22">
        <v>3034</v>
      </c>
      <c r="B184" s="17" t="s">
        <v>168</v>
      </c>
      <c r="C184" s="28"/>
    </row>
    <row r="185" spans="1:3">
      <c r="A185" s="22">
        <v>3035</v>
      </c>
      <c r="B185" s="17" t="s">
        <v>169</v>
      </c>
      <c r="C185" s="28"/>
    </row>
    <row r="186" spans="1:3">
      <c r="A186" s="22">
        <v>3036</v>
      </c>
      <c r="B186" s="17" t="s">
        <v>170</v>
      </c>
      <c r="C186" s="28"/>
    </row>
    <row r="187" spans="1:3">
      <c r="A187" s="22">
        <v>3037</v>
      </c>
      <c r="B187" s="17" t="s">
        <v>171</v>
      </c>
      <c r="C187" s="28"/>
    </row>
    <row r="188" spans="1:3">
      <c r="A188" s="22">
        <v>3038</v>
      </c>
      <c r="B188" s="17" t="s">
        <v>172</v>
      </c>
      <c r="C188" s="28"/>
    </row>
    <row r="189" spans="1:3">
      <c r="A189" s="22">
        <v>3039</v>
      </c>
      <c r="B189" s="17" t="s">
        <v>173</v>
      </c>
      <c r="C189" s="28"/>
    </row>
    <row r="190" spans="1:3">
      <c r="A190" s="22">
        <v>3040</v>
      </c>
      <c r="B190" s="17" t="s">
        <v>244</v>
      </c>
      <c r="C190" s="28"/>
    </row>
    <row r="191" spans="1:3">
      <c r="A191" s="22">
        <v>3041</v>
      </c>
      <c r="B191" s="17" t="s">
        <v>174</v>
      </c>
      <c r="C191" s="28"/>
    </row>
    <row r="192" spans="1:3">
      <c r="A192" s="22">
        <v>3042</v>
      </c>
      <c r="B192" s="17" t="s">
        <v>175</v>
      </c>
      <c r="C192" s="28"/>
    </row>
    <row r="193" spans="1:3">
      <c r="A193" s="22">
        <v>3043</v>
      </c>
      <c r="B193" s="17" t="s">
        <v>176</v>
      </c>
      <c r="C193" s="28"/>
    </row>
    <row r="194" spans="1:3">
      <c r="A194" s="22">
        <v>3044</v>
      </c>
      <c r="B194" s="17" t="s">
        <v>177</v>
      </c>
      <c r="C194" s="28"/>
    </row>
    <row r="195" spans="1:3">
      <c r="A195" s="22">
        <v>3045</v>
      </c>
      <c r="B195" s="17"/>
      <c r="C195" s="28"/>
    </row>
    <row r="196" spans="1:3">
      <c r="A196" s="22">
        <v>3046</v>
      </c>
      <c r="B196" s="17"/>
      <c r="C196" s="28"/>
    </row>
    <row r="197" spans="1:3">
      <c r="A197" s="22">
        <v>3101</v>
      </c>
      <c r="B197" s="17" t="s">
        <v>178</v>
      </c>
      <c r="C197" s="28"/>
    </row>
    <row r="198" spans="1:3">
      <c r="A198" s="22">
        <v>3102</v>
      </c>
      <c r="B198" s="17" t="s">
        <v>179</v>
      </c>
      <c r="C198" s="28"/>
    </row>
    <row r="199" spans="1:3">
      <c r="A199" s="22">
        <v>3200</v>
      </c>
      <c r="B199" s="17" t="s">
        <v>180</v>
      </c>
      <c r="C199" s="28"/>
    </row>
    <row r="200" spans="1:3">
      <c r="A200" s="22">
        <v>4001</v>
      </c>
      <c r="B200" s="17" t="s">
        <v>181</v>
      </c>
      <c r="C200" s="28"/>
    </row>
    <row r="201" spans="1:3">
      <c r="A201" s="22">
        <v>4002</v>
      </c>
      <c r="B201" s="17" t="s">
        <v>182</v>
      </c>
      <c r="C201" s="28"/>
    </row>
    <row r="202" spans="1:3">
      <c r="A202" s="22">
        <v>4003</v>
      </c>
      <c r="B202" s="17" t="s">
        <v>183</v>
      </c>
      <c r="C202" s="28"/>
    </row>
    <row r="203" spans="1:3">
      <c r="A203" s="22">
        <v>4004</v>
      </c>
      <c r="B203" s="17" t="s">
        <v>184</v>
      </c>
      <c r="C203" s="28"/>
    </row>
    <row r="204" spans="1:3">
      <c r="A204" s="22">
        <v>4005</v>
      </c>
      <c r="B204" s="17" t="s">
        <v>185</v>
      </c>
      <c r="C204" s="28"/>
    </row>
    <row r="205" spans="1:3">
      <c r="A205" s="22">
        <v>4006</v>
      </c>
      <c r="B205" s="17" t="s">
        <v>186</v>
      </c>
      <c r="C205" s="28"/>
    </row>
    <row r="206" spans="1:3">
      <c r="A206" s="22">
        <v>4007</v>
      </c>
      <c r="B206" s="17" t="s">
        <v>187</v>
      </c>
      <c r="C206" s="28"/>
    </row>
    <row r="207" spans="1:3">
      <c r="A207" s="22">
        <v>4008</v>
      </c>
      <c r="B207" s="17" t="s">
        <v>188</v>
      </c>
      <c r="C207" s="28"/>
    </row>
    <row r="208" spans="1:3">
      <c r="A208" s="22">
        <v>4009</v>
      </c>
      <c r="B208" s="17" t="s">
        <v>189</v>
      </c>
      <c r="C208" s="28"/>
    </row>
    <row r="209" spans="1:3">
      <c r="A209" s="22">
        <v>4010</v>
      </c>
      <c r="B209" s="17" t="s">
        <v>190</v>
      </c>
      <c r="C209" s="28"/>
    </row>
    <row r="210" spans="1:3">
      <c r="A210" s="22">
        <v>4011</v>
      </c>
      <c r="B210" s="17" t="s">
        <v>191</v>
      </c>
      <c r="C210" s="28"/>
    </row>
    <row r="211" spans="1:3">
      <c r="A211" s="22">
        <v>4012</v>
      </c>
      <c r="B211" s="17" t="s">
        <v>192</v>
      </c>
      <c r="C211" s="28"/>
    </row>
    <row r="212" spans="1:3">
      <c r="A212" s="22">
        <v>4013</v>
      </c>
      <c r="B212" s="17" t="s">
        <v>193</v>
      </c>
      <c r="C212" s="28"/>
    </row>
    <row r="213" spans="1:3">
      <c r="A213" s="22">
        <v>4014</v>
      </c>
      <c r="B213" s="17" t="s">
        <v>194</v>
      </c>
      <c r="C213" s="28"/>
    </row>
    <row r="214" spans="1:3">
      <c r="A214" s="22">
        <v>4015</v>
      </c>
      <c r="B214" s="17" t="s">
        <v>195</v>
      </c>
      <c r="C214" s="28"/>
    </row>
    <row r="215" spans="1:3">
      <c r="A215" s="22">
        <v>4016</v>
      </c>
      <c r="B215" s="17" t="s">
        <v>196</v>
      </c>
      <c r="C215" s="28"/>
    </row>
    <row r="216" spans="1:3">
      <c r="A216" s="22">
        <v>4017</v>
      </c>
      <c r="B216" s="17" t="s">
        <v>197</v>
      </c>
      <c r="C216" s="28"/>
    </row>
    <row r="217" spans="1:3">
      <c r="A217" s="22">
        <v>4018</v>
      </c>
      <c r="B217" s="17" t="s">
        <v>198</v>
      </c>
      <c r="C217" s="28"/>
    </row>
    <row r="218" spans="1:3">
      <c r="A218" s="22">
        <v>4019</v>
      </c>
      <c r="B218" s="17" t="s">
        <v>199</v>
      </c>
      <c r="C218" s="28"/>
    </row>
    <row r="219" spans="1:3">
      <c r="A219" s="22">
        <v>4020</v>
      </c>
      <c r="B219" s="17" t="s">
        <v>200</v>
      </c>
      <c r="C219" s="28"/>
    </row>
    <row r="220" spans="1:3">
      <c r="A220" s="22">
        <v>4021</v>
      </c>
      <c r="B220" s="17" t="s">
        <v>201</v>
      </c>
      <c r="C220" s="28"/>
    </row>
    <row r="221" spans="1:3">
      <c r="A221" s="22">
        <v>4022</v>
      </c>
      <c r="B221" s="17" t="s">
        <v>202</v>
      </c>
      <c r="C221" s="28"/>
    </row>
    <row r="222" spans="1:3">
      <c r="A222" s="22">
        <v>4023</v>
      </c>
      <c r="B222" s="17" t="s">
        <v>203</v>
      </c>
      <c r="C222" s="28"/>
    </row>
    <row r="223" spans="1:3">
      <c r="A223" s="22">
        <v>4024</v>
      </c>
      <c r="B223" s="17" t="s">
        <v>204</v>
      </c>
      <c r="C223" s="28"/>
    </row>
    <row r="224" spans="1:3">
      <c r="A224" s="22">
        <v>4025</v>
      </c>
      <c r="B224" s="17" t="s">
        <v>205</v>
      </c>
      <c r="C224" s="28"/>
    </row>
    <row r="225" spans="1:3">
      <c r="A225" s="22">
        <v>4026</v>
      </c>
      <c r="B225" s="17" t="s">
        <v>206</v>
      </c>
      <c r="C225" s="28"/>
    </row>
    <row r="226" spans="1:3">
      <c r="A226" s="22">
        <v>4027</v>
      </c>
      <c r="B226" s="17" t="s">
        <v>207</v>
      </c>
      <c r="C226" s="28"/>
    </row>
    <row r="227" spans="1:3">
      <c r="A227" s="22">
        <v>4028</v>
      </c>
      <c r="B227" s="17" t="s">
        <v>208</v>
      </c>
      <c r="C227" s="28"/>
    </row>
    <row r="228" spans="1:3">
      <c r="A228" s="22">
        <v>4029</v>
      </c>
      <c r="B228" s="17"/>
      <c r="C228" s="28"/>
    </row>
    <row r="229" spans="1:3">
      <c r="A229" s="22">
        <v>4030</v>
      </c>
      <c r="B229" s="17" t="s">
        <v>209</v>
      </c>
      <c r="C229" s="28"/>
    </row>
    <row r="230" spans="1:3">
      <c r="A230" s="22">
        <v>4031</v>
      </c>
      <c r="B230" s="17" t="s">
        <v>210</v>
      </c>
      <c r="C230" s="28"/>
    </row>
    <row r="231" spans="1:3">
      <c r="A231" s="22">
        <v>4032</v>
      </c>
      <c r="B231" s="17" t="s">
        <v>211</v>
      </c>
      <c r="C231" s="28"/>
    </row>
    <row r="232" spans="1:3">
      <c r="A232" s="22">
        <v>4033</v>
      </c>
      <c r="B232" s="17" t="s">
        <v>212</v>
      </c>
      <c r="C232" s="28"/>
    </row>
    <row r="233" spans="1:3">
      <c r="A233" s="22">
        <v>4034</v>
      </c>
      <c r="B233" s="17" t="s">
        <v>213</v>
      </c>
      <c r="C233" s="28"/>
    </row>
    <row r="234" spans="1:3">
      <c r="A234" s="22">
        <v>4035</v>
      </c>
      <c r="B234" s="17" t="s">
        <v>245</v>
      </c>
      <c r="C234" s="28"/>
    </row>
    <row r="235" spans="1:3">
      <c r="A235" s="22">
        <v>4036</v>
      </c>
      <c r="B235" s="17" t="s">
        <v>214</v>
      </c>
      <c r="C235" s="28"/>
    </row>
    <row r="236" spans="1:3">
      <c r="A236" s="22">
        <v>4037</v>
      </c>
      <c r="B236" s="17" t="s">
        <v>215</v>
      </c>
      <c r="C236" s="28"/>
    </row>
    <row r="237" spans="1:3">
      <c r="A237" s="22">
        <v>4038</v>
      </c>
      <c r="B237" s="17" t="s">
        <v>246</v>
      </c>
      <c r="C237" s="28"/>
    </row>
    <row r="238" spans="1:3">
      <c r="A238" s="22">
        <v>4039</v>
      </c>
      <c r="B238" s="17"/>
      <c r="C238" s="28"/>
    </row>
    <row r="239" spans="1:3">
      <c r="A239" s="22">
        <v>4040</v>
      </c>
      <c r="B239" s="17"/>
      <c r="C239" s="28"/>
    </row>
    <row r="240" spans="1:3">
      <c r="A240" s="22">
        <v>4041</v>
      </c>
      <c r="B240" s="17" t="s">
        <v>216</v>
      </c>
      <c r="C240" s="28"/>
    </row>
    <row r="241" spans="1:3">
      <c r="A241" s="22">
        <v>4042</v>
      </c>
      <c r="B241" s="17" t="s">
        <v>217</v>
      </c>
      <c r="C241" s="28"/>
    </row>
    <row r="242" spans="1:3">
      <c r="A242" s="22">
        <v>4043</v>
      </c>
      <c r="B242" s="17" t="s">
        <v>218</v>
      </c>
      <c r="C242" s="28"/>
    </row>
    <row r="243" spans="1:3">
      <c r="A243" s="22">
        <v>4044</v>
      </c>
      <c r="B243" s="17" t="s">
        <v>219</v>
      </c>
      <c r="C243" s="28"/>
    </row>
    <row r="244" spans="1:3">
      <c r="A244" s="22">
        <v>4045</v>
      </c>
      <c r="B244" s="17" t="s">
        <v>220</v>
      </c>
      <c r="C244" s="28"/>
    </row>
    <row r="245" spans="1:3">
      <c r="A245" s="22">
        <v>4046</v>
      </c>
      <c r="B245" s="17" t="s">
        <v>221</v>
      </c>
      <c r="C245" s="28"/>
    </row>
    <row r="246" spans="1:3">
      <c r="A246" s="22">
        <v>4047</v>
      </c>
      <c r="B246" s="17" t="s">
        <v>222</v>
      </c>
      <c r="C246" s="28"/>
    </row>
    <row r="247" spans="1:3">
      <c r="A247" s="22">
        <v>4048</v>
      </c>
      <c r="B247" s="17"/>
      <c r="C247" s="28"/>
    </row>
    <row r="248" spans="1:3">
      <c r="A248" s="22">
        <v>4049</v>
      </c>
      <c r="B248" s="17" t="s">
        <v>223</v>
      </c>
      <c r="C248" s="28"/>
    </row>
    <row r="249" spans="1:3">
      <c r="A249" s="22">
        <v>4050</v>
      </c>
      <c r="B249" s="17" t="s">
        <v>247</v>
      </c>
      <c r="C249" s="28"/>
    </row>
    <row r="250" spans="1:3">
      <c r="A250" s="22">
        <v>4101</v>
      </c>
      <c r="B250" s="17" t="s">
        <v>248</v>
      </c>
      <c r="C250" s="28"/>
    </row>
    <row r="251" spans="1:3">
      <c r="A251" s="22">
        <v>4102</v>
      </c>
      <c r="B251" s="17" t="s">
        <v>224</v>
      </c>
      <c r="C251" s="28"/>
    </row>
    <row r="252" spans="1:3">
      <c r="A252" s="22">
        <v>4103</v>
      </c>
      <c r="B252" s="17" t="s">
        <v>249</v>
      </c>
      <c r="C252" s="28"/>
    </row>
    <row r="253" spans="1:3">
      <c r="A253" s="22">
        <v>4104</v>
      </c>
      <c r="B253" s="17" t="s">
        <v>225</v>
      </c>
      <c r="C253" s="28"/>
    </row>
    <row r="254" spans="1:3">
      <c r="A254" s="22">
        <v>4105</v>
      </c>
      <c r="B254" s="17" t="s">
        <v>226</v>
      </c>
      <c r="C254" s="28"/>
    </row>
    <row r="255" spans="1:3">
      <c r="A255" s="22">
        <v>4106</v>
      </c>
      <c r="B255" s="17" t="s">
        <v>227</v>
      </c>
      <c r="C255" s="28"/>
    </row>
    <row r="256" spans="1:3">
      <c r="A256" s="22">
        <v>4107</v>
      </c>
      <c r="B256" s="17" t="s">
        <v>228</v>
      </c>
      <c r="C256" s="28"/>
    </row>
    <row r="257" spans="1:3">
      <c r="A257" s="22">
        <v>4108</v>
      </c>
      <c r="B257" s="17" t="s">
        <v>229</v>
      </c>
      <c r="C257" s="28"/>
    </row>
    <row r="258" spans="1:3">
      <c r="A258" s="22">
        <v>4109</v>
      </c>
      <c r="B258" s="17" t="s">
        <v>230</v>
      </c>
      <c r="C258" s="28"/>
    </row>
    <row r="259" spans="1:3" ht="19.5" thickBot="1">
      <c r="A259" s="24">
        <v>4200</v>
      </c>
      <c r="B259" s="25" t="s">
        <v>231</v>
      </c>
      <c r="C259" s="26"/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検温記録（予選）</vt:lpstr>
      <vt:lpstr>検温記録 (県大会)</vt:lpstr>
      <vt:lpstr>data</vt:lpstr>
      <vt:lpstr>'検温記録 (県大会)'!Print_Area</vt:lpstr>
      <vt:lpstr>'検温記録（予選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押部　佳子</dc:creator>
  <cp:lastModifiedBy>阪本　正和</cp:lastModifiedBy>
  <cp:lastPrinted>2021-05-19T09:33:26Z</cp:lastPrinted>
  <dcterms:created xsi:type="dcterms:W3CDTF">2020-11-23T23:43:39Z</dcterms:created>
  <dcterms:modified xsi:type="dcterms:W3CDTF">2021-05-19T09:37:14Z</dcterms:modified>
</cp:coreProperties>
</file>